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toyama-city.local\01企画管理部\0108企画調整\s1\　企画調整課フォルダ\04統計調査\04　県等委託統計\06　人口調査\人口データ\1 元データ\R5\2304\HP2304\"/>
    </mc:Choice>
  </mc:AlternateContent>
  <bookViews>
    <workbookView xWindow="0" yWindow="0" windowWidth="23040" windowHeight="9384"/>
  </bookViews>
  <sheets>
    <sheet name="zogen" sheetId="1" r:id="rId1"/>
  </sheets>
  <calcPr calcId="152511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108" uniqueCount="100">
  <si>
    <t>人　口　・　世　帯　増　減　表</t>
    <rPh sb="0" eb="1">
      <t>ヒト</t>
    </rPh>
    <rPh sb="2" eb="3">
      <t>クチ</t>
    </rPh>
    <rPh sb="6" eb="7">
      <t>ヨ</t>
    </rPh>
    <rPh sb="8" eb="9">
      <t>オビ</t>
    </rPh>
    <rPh sb="10" eb="11">
      <t>ゾウ</t>
    </rPh>
    <rPh sb="12" eb="13">
      <t>ゲン</t>
    </rPh>
    <rPh sb="14" eb="15">
      <t>ヒョウ</t>
    </rPh>
    <phoneticPr fontId="3"/>
  </si>
  <si>
    <t>令和5年4月末</t>
  </si>
  <si>
    <t>地区名</t>
    <rPh sb="0" eb="2">
      <t>チク</t>
    </rPh>
    <rPh sb="2" eb="3">
      <t>メイ</t>
    </rPh>
    <phoneticPr fontId="3"/>
  </si>
  <si>
    <t>前　月　末</t>
    <rPh sb="0" eb="1">
      <t>ゼン</t>
    </rPh>
    <rPh sb="2" eb="3">
      <t>ツキ</t>
    </rPh>
    <rPh sb="4" eb="5">
      <t>スエ</t>
    </rPh>
    <phoneticPr fontId="3"/>
  </si>
  <si>
    <t>当　月　末</t>
    <rPh sb="0" eb="1">
      <t>トウ</t>
    </rPh>
    <rPh sb="2" eb="3">
      <t>ツキ</t>
    </rPh>
    <rPh sb="4" eb="5">
      <t>マツ</t>
    </rPh>
    <phoneticPr fontId="3"/>
  </si>
  <si>
    <t>差　引　増　減</t>
    <rPh sb="0" eb="1">
      <t>サ</t>
    </rPh>
    <rPh sb="2" eb="3">
      <t>イン</t>
    </rPh>
    <rPh sb="4" eb="5">
      <t>ゾウ</t>
    </rPh>
    <rPh sb="6" eb="7">
      <t>ゲン</t>
    </rPh>
    <phoneticPr fontId="3"/>
  </si>
  <si>
    <t>男</t>
    <rPh sb="0" eb="1">
      <t>オトコ</t>
    </rPh>
    <phoneticPr fontId="3"/>
  </si>
  <si>
    <t>女</t>
    <rPh sb="0" eb="1">
      <t>オンナ</t>
    </rPh>
    <phoneticPr fontId="3"/>
  </si>
  <si>
    <t>計</t>
    <rPh sb="0" eb="1">
      <t>ケイ</t>
    </rPh>
    <phoneticPr fontId="3"/>
  </si>
  <si>
    <t>世帯</t>
    <rPh sb="0" eb="2">
      <t>セタイ</t>
    </rPh>
    <phoneticPr fontId="3"/>
  </si>
  <si>
    <t>総曲輪</t>
  </si>
  <si>
    <t>愛宕</t>
  </si>
  <si>
    <t>安野屋</t>
  </si>
  <si>
    <t>八人町</t>
  </si>
  <si>
    <t>五番町</t>
  </si>
  <si>
    <t>柳町</t>
  </si>
  <si>
    <t>清水町</t>
  </si>
  <si>
    <t>星井町</t>
  </si>
  <si>
    <t>西田地方</t>
  </si>
  <si>
    <t>堀川</t>
  </si>
  <si>
    <t>堀川南</t>
  </si>
  <si>
    <t>東部</t>
  </si>
  <si>
    <t>奥田</t>
  </si>
  <si>
    <t>奥田北</t>
  </si>
  <si>
    <t>桜谷</t>
  </si>
  <si>
    <t>五福</t>
  </si>
  <si>
    <t>神明</t>
  </si>
  <si>
    <t>岩瀬</t>
  </si>
  <si>
    <t>萩浦</t>
  </si>
  <si>
    <t>大広田</t>
  </si>
  <si>
    <t>浜黒崎</t>
  </si>
  <si>
    <t>針原</t>
  </si>
  <si>
    <t>豊田</t>
  </si>
  <si>
    <t>広田</t>
  </si>
  <si>
    <t>新庄</t>
  </si>
  <si>
    <t>藤ノ木</t>
  </si>
  <si>
    <t>山室</t>
  </si>
  <si>
    <t>山室中部</t>
  </si>
  <si>
    <t>太田</t>
  </si>
  <si>
    <t>蜷川</t>
  </si>
  <si>
    <t>新保</t>
  </si>
  <si>
    <t>熊野</t>
  </si>
  <si>
    <t>月岡</t>
  </si>
  <si>
    <t>四方</t>
  </si>
  <si>
    <t>八幡</t>
  </si>
  <si>
    <t>草島</t>
  </si>
  <si>
    <t>倉垣</t>
  </si>
  <si>
    <t>呉羽</t>
  </si>
  <si>
    <t>長岡</t>
  </si>
  <si>
    <t>寒江</t>
  </si>
  <si>
    <t>古沢</t>
  </si>
  <si>
    <t>老田</t>
  </si>
  <si>
    <t>池多</t>
  </si>
  <si>
    <t>水橋中部</t>
  </si>
  <si>
    <t>水橋西部</t>
  </si>
  <si>
    <t>水橋東部</t>
  </si>
  <si>
    <t>三郷</t>
  </si>
  <si>
    <t>上条</t>
  </si>
  <si>
    <t>光陽</t>
  </si>
  <si>
    <t>新庄北</t>
    <rPh sb="2" eb="3">
      <t>キタ</t>
    </rPh>
    <phoneticPr fontId="3"/>
  </si>
  <si>
    <t>富山地域計</t>
    <rPh sb="0" eb="2">
      <t>トヤマシ</t>
    </rPh>
    <rPh sb="2" eb="4">
      <t>チイキ</t>
    </rPh>
    <rPh sb="4" eb="5">
      <t>ケイ</t>
    </rPh>
    <phoneticPr fontId="3"/>
  </si>
  <si>
    <t>下タ</t>
    <rPh sb="0" eb="1">
      <t>シモ</t>
    </rPh>
    <phoneticPr fontId="5"/>
  </si>
  <si>
    <t>小羽</t>
    <rPh sb="0" eb="1">
      <t>コ</t>
    </rPh>
    <rPh sb="1" eb="2">
      <t>ハネ</t>
    </rPh>
    <phoneticPr fontId="5"/>
  </si>
  <si>
    <t>船峅</t>
    <rPh sb="0" eb="1">
      <t>フナ</t>
    </rPh>
    <rPh sb="1" eb="2">
      <t>クラ</t>
    </rPh>
    <phoneticPr fontId="5"/>
  </si>
  <si>
    <t>大沢野</t>
    <rPh sb="0" eb="2">
      <t>オオサワ</t>
    </rPh>
    <rPh sb="2" eb="3">
      <t>ノ</t>
    </rPh>
    <phoneticPr fontId="5"/>
  </si>
  <si>
    <t>大久保</t>
    <rPh sb="0" eb="3">
      <t>オオクボ</t>
    </rPh>
    <phoneticPr fontId="5"/>
  </si>
  <si>
    <t>大沢野地域計</t>
    <rPh sb="0" eb="3">
      <t>オオサワノマチ</t>
    </rPh>
    <rPh sb="3" eb="5">
      <t>チイキ</t>
    </rPh>
    <rPh sb="5" eb="6">
      <t>ケイ</t>
    </rPh>
    <phoneticPr fontId="3"/>
  </si>
  <si>
    <t>上滝</t>
    <rPh sb="0" eb="2">
      <t>カミダキ</t>
    </rPh>
    <phoneticPr fontId="5"/>
  </si>
  <si>
    <t>大山</t>
    <rPh sb="0" eb="2">
      <t>オオヤマ</t>
    </rPh>
    <phoneticPr fontId="5"/>
  </si>
  <si>
    <t>大庄</t>
    <rPh sb="0" eb="1">
      <t>オオ</t>
    </rPh>
    <rPh sb="1" eb="2">
      <t>ショウ</t>
    </rPh>
    <phoneticPr fontId="5"/>
  </si>
  <si>
    <t>福沢</t>
    <rPh sb="0" eb="1">
      <t>フク</t>
    </rPh>
    <rPh sb="1" eb="2">
      <t>サワ</t>
    </rPh>
    <phoneticPr fontId="5"/>
  </si>
  <si>
    <t>大山地域計</t>
    <rPh sb="0" eb="2">
      <t>オオヤマ</t>
    </rPh>
    <rPh sb="2" eb="4">
      <t>チイキ</t>
    </rPh>
    <rPh sb="4" eb="5">
      <t>ケイ</t>
    </rPh>
    <phoneticPr fontId="3"/>
  </si>
  <si>
    <t>八尾</t>
    <rPh sb="0" eb="2">
      <t>ヤツオ</t>
    </rPh>
    <phoneticPr fontId="5"/>
  </si>
  <si>
    <t>保内</t>
    <rPh sb="0" eb="1">
      <t>ホ</t>
    </rPh>
    <rPh sb="1" eb="2">
      <t>ウチ</t>
    </rPh>
    <phoneticPr fontId="5"/>
  </si>
  <si>
    <t>杉原</t>
    <rPh sb="0" eb="1">
      <t>スギ</t>
    </rPh>
    <rPh sb="1" eb="2">
      <t>ハラ</t>
    </rPh>
    <phoneticPr fontId="5"/>
  </si>
  <si>
    <t>卯花</t>
    <rPh sb="0" eb="1">
      <t>ウ</t>
    </rPh>
    <rPh sb="1" eb="2">
      <t>ハナ</t>
    </rPh>
    <phoneticPr fontId="5"/>
  </si>
  <si>
    <t>室牧</t>
    <rPh sb="0" eb="1">
      <t>ムロ</t>
    </rPh>
    <rPh sb="1" eb="2">
      <t>マキ</t>
    </rPh>
    <phoneticPr fontId="5"/>
  </si>
  <si>
    <t>黒瀬谷</t>
    <rPh sb="0" eb="2">
      <t>クロセ</t>
    </rPh>
    <rPh sb="2" eb="3">
      <t>タニ</t>
    </rPh>
    <phoneticPr fontId="5"/>
  </si>
  <si>
    <t>野積</t>
    <rPh sb="0" eb="1">
      <t>ノ</t>
    </rPh>
    <rPh sb="1" eb="2">
      <t>ヅ</t>
    </rPh>
    <phoneticPr fontId="5"/>
  </si>
  <si>
    <t>仁歩</t>
    <rPh sb="0" eb="1">
      <t>ジン</t>
    </rPh>
    <rPh sb="1" eb="2">
      <t>ホ</t>
    </rPh>
    <phoneticPr fontId="5"/>
  </si>
  <si>
    <t>大長谷</t>
    <rPh sb="0" eb="1">
      <t>オオ</t>
    </rPh>
    <rPh sb="1" eb="3">
      <t>ナガヤ</t>
    </rPh>
    <phoneticPr fontId="5"/>
  </si>
  <si>
    <t>八尾地域計</t>
    <rPh sb="0" eb="2">
      <t>ヤツオマチ</t>
    </rPh>
    <rPh sb="2" eb="4">
      <t>チイキ</t>
    </rPh>
    <rPh sb="4" eb="5">
      <t>ケイ</t>
    </rPh>
    <phoneticPr fontId="3"/>
  </si>
  <si>
    <t>速星</t>
    <rPh sb="0" eb="1">
      <t>ハヤ</t>
    </rPh>
    <rPh sb="1" eb="2">
      <t>ホシ</t>
    </rPh>
    <phoneticPr fontId="5"/>
  </si>
  <si>
    <t>鵜坂</t>
    <rPh sb="0" eb="1">
      <t>ウ</t>
    </rPh>
    <rPh sb="1" eb="2">
      <t>サカ</t>
    </rPh>
    <phoneticPr fontId="5"/>
  </si>
  <si>
    <t>朝日</t>
    <rPh sb="0" eb="2">
      <t>アサヒ</t>
    </rPh>
    <phoneticPr fontId="5"/>
  </si>
  <si>
    <t>宮川</t>
    <rPh sb="0" eb="2">
      <t>ミヤカワ</t>
    </rPh>
    <phoneticPr fontId="5"/>
  </si>
  <si>
    <t>婦中熊野</t>
    <rPh sb="0" eb="2">
      <t>フチュウ</t>
    </rPh>
    <rPh sb="2" eb="4">
      <t>クマノ</t>
    </rPh>
    <phoneticPr fontId="5"/>
  </si>
  <si>
    <t>古里</t>
    <rPh sb="0" eb="2">
      <t>フルサト</t>
    </rPh>
    <phoneticPr fontId="5"/>
  </si>
  <si>
    <t>音川</t>
    <rPh sb="0" eb="1">
      <t>オト</t>
    </rPh>
    <rPh sb="1" eb="2">
      <t>カワ</t>
    </rPh>
    <phoneticPr fontId="5"/>
  </si>
  <si>
    <t>神保</t>
    <rPh sb="0" eb="1">
      <t>シン</t>
    </rPh>
    <rPh sb="1" eb="2">
      <t>ホ</t>
    </rPh>
    <phoneticPr fontId="5"/>
  </si>
  <si>
    <t>婦中地域計</t>
    <rPh sb="0" eb="2">
      <t>フチュウマチ</t>
    </rPh>
    <rPh sb="2" eb="4">
      <t>チイキ</t>
    </rPh>
    <rPh sb="4" eb="5">
      <t>ケイ</t>
    </rPh>
    <phoneticPr fontId="3"/>
  </si>
  <si>
    <t>山田南部</t>
    <rPh sb="0" eb="2">
      <t>ヤマダ</t>
    </rPh>
    <rPh sb="2" eb="4">
      <t>ナンブ</t>
    </rPh>
    <phoneticPr fontId="5"/>
  </si>
  <si>
    <t>山田中部</t>
    <rPh sb="0" eb="2">
      <t>ヤマダ</t>
    </rPh>
    <rPh sb="2" eb="4">
      <t>チュウブ</t>
    </rPh>
    <phoneticPr fontId="5"/>
  </si>
  <si>
    <t>山田西部</t>
    <rPh sb="0" eb="2">
      <t>ヤマダ</t>
    </rPh>
    <rPh sb="2" eb="4">
      <t>セイブ</t>
    </rPh>
    <phoneticPr fontId="5"/>
  </si>
  <si>
    <t>山田東部</t>
    <rPh sb="0" eb="2">
      <t>ヤマダ</t>
    </rPh>
    <rPh sb="2" eb="4">
      <t>トウブ</t>
    </rPh>
    <phoneticPr fontId="5"/>
  </si>
  <si>
    <t>山田地域計</t>
    <rPh sb="0" eb="2">
      <t>ヤマダムラ</t>
    </rPh>
    <rPh sb="2" eb="4">
      <t>チイキ</t>
    </rPh>
    <rPh sb="4" eb="5">
      <t>ケイ</t>
    </rPh>
    <phoneticPr fontId="3"/>
  </si>
  <si>
    <t>細入北部</t>
    <rPh sb="0" eb="2">
      <t>ホソイリ</t>
    </rPh>
    <rPh sb="2" eb="4">
      <t>ホクブ</t>
    </rPh>
    <phoneticPr fontId="5"/>
  </si>
  <si>
    <t>細入南部</t>
    <rPh sb="0" eb="2">
      <t>ホソイリ</t>
    </rPh>
    <rPh sb="2" eb="4">
      <t>ナンブ</t>
    </rPh>
    <phoneticPr fontId="5"/>
  </si>
  <si>
    <t>細入地域計</t>
    <rPh sb="0" eb="2">
      <t>ホソイリムラ</t>
    </rPh>
    <rPh sb="2" eb="4">
      <t>チイキ</t>
    </rPh>
    <rPh sb="4" eb="5">
      <t>ケイ</t>
    </rPh>
    <phoneticPr fontId="3"/>
  </si>
  <si>
    <t>※　合　計　※</t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1">
    <numFmt numFmtId="176" formatCode="00"/>
  </numFmts>
  <fonts count="6" x14ac:knownFonts="1">
    <font>
      <sz val="11"/>
      <name val="ＭＳ 明朝"/>
      <family val="1"/>
      <charset val="128"/>
    </font>
    <font>
      <sz val="11"/>
      <name val="ＭＳ 明朝"/>
      <family val="1"/>
      <charset val="128"/>
    </font>
    <font>
      <sz val="20"/>
      <name val="ＭＳ 明朝"/>
      <family val="1"/>
      <charset val="128"/>
    </font>
    <font>
      <sz val="6"/>
      <name val="ＭＳ 明朝"/>
      <family val="1"/>
      <charset val="128"/>
    </font>
    <font>
      <sz val="12"/>
      <name val="ＭＳ 明朝"/>
      <family val="1"/>
      <charset val="128"/>
    </font>
    <font>
      <sz val="6"/>
      <name val="ＭＳ Ｐ明朝"/>
      <family val="1"/>
      <charset val="128"/>
    </font>
  </fonts>
  <fills count="2">
    <fill>
      <patternFill patternType="none"/>
    </fill>
    <fill>
      <patternFill patternType="gray125"/>
    </fill>
  </fills>
  <borders count="33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 style="hair">
        <color indexed="64"/>
      </bottom>
      <diagonal/>
    </border>
    <border>
      <left/>
      <right/>
      <top style="thin">
        <color indexed="64"/>
      </top>
      <bottom style="hair">
        <color indexed="64"/>
      </bottom>
      <diagonal/>
    </border>
    <border>
      <left/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/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 style="hair">
        <color indexed="64"/>
      </bottom>
      <diagonal/>
    </border>
    <border>
      <left/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/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 style="thin">
        <color indexed="64"/>
      </bottom>
      <diagonal/>
    </border>
    <border>
      <left/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 style="thin">
        <color indexed="64"/>
      </right>
      <top style="hair">
        <color indexed="64"/>
      </top>
      <bottom/>
      <diagonal/>
    </border>
    <border>
      <left/>
      <right style="hair">
        <color indexed="64"/>
      </right>
      <top style="hair">
        <color indexed="64"/>
      </top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hair">
        <color indexed="64"/>
      </right>
      <top style="thin">
        <color indexed="64"/>
      </top>
      <bottom style="thin">
        <color indexed="64"/>
      </bottom>
      <diagonal/>
    </border>
  </borders>
  <cellStyleXfs count="3">
    <xf numFmtId="0" fontId="0" fillId="0" borderId="0"/>
    <xf numFmtId="38" fontId="1" fillId="0" borderId="0" applyFont="0" applyFill="0" applyBorder="0" applyAlignment="0" applyProtection="0"/>
    <xf numFmtId="0" fontId="4" fillId="0" borderId="0"/>
  </cellStyleXfs>
  <cellXfs count="61">
    <xf numFmtId="0" fontId="0" fillId="0" borderId="0" xfId="0"/>
    <xf numFmtId="0" fontId="2" fillId="0" borderId="0" xfId="0" applyFont="1" applyAlignment="1">
      <alignment horizontal="center" vertical="center"/>
    </xf>
    <xf numFmtId="0" fontId="0" fillId="0" borderId="0" xfId="0" applyAlignment="1">
      <alignment vertical="center"/>
    </xf>
    <xf numFmtId="0" fontId="0" fillId="0" borderId="0" xfId="0" applyAlignment="1">
      <alignment horizontal="center" vertical="center"/>
    </xf>
    <xf numFmtId="0" fontId="0" fillId="0" borderId="0" xfId="0" applyAlignment="1" applyProtection="1">
      <alignment horizontal="right" vertical="center"/>
      <protection locked="0"/>
    </xf>
    <xf numFmtId="0" fontId="4" fillId="0" borderId="1" xfId="0" applyFont="1" applyBorder="1" applyAlignment="1">
      <alignment horizontal="center" vertical="center"/>
    </xf>
    <xf numFmtId="0" fontId="4" fillId="0" borderId="2" xfId="0" applyFont="1" applyBorder="1" applyAlignment="1">
      <alignment horizontal="center" vertical="center"/>
    </xf>
    <xf numFmtId="0" fontId="4" fillId="0" borderId="3" xfId="0" applyFont="1" applyBorder="1" applyAlignment="1">
      <alignment horizontal="center" vertical="center"/>
    </xf>
    <xf numFmtId="0" fontId="4" fillId="0" borderId="4" xfId="0" applyFont="1" applyBorder="1" applyAlignment="1">
      <alignment horizontal="center" vertical="center"/>
    </xf>
    <xf numFmtId="0" fontId="4" fillId="0" borderId="5" xfId="0" applyFont="1" applyBorder="1" applyAlignment="1">
      <alignment horizontal="center" vertical="center"/>
    </xf>
    <xf numFmtId="0" fontId="4" fillId="0" borderId="6" xfId="0" applyFont="1" applyBorder="1" applyAlignment="1">
      <alignment horizontal="center" vertical="center"/>
    </xf>
    <xf numFmtId="0" fontId="4" fillId="0" borderId="7" xfId="0" applyFont="1" applyBorder="1" applyAlignment="1">
      <alignment horizontal="center" vertical="center"/>
    </xf>
    <xf numFmtId="0" fontId="4" fillId="0" borderId="8" xfId="0" applyFont="1" applyBorder="1" applyAlignment="1">
      <alignment horizontal="center" vertical="center"/>
    </xf>
    <xf numFmtId="0" fontId="4" fillId="0" borderId="9" xfId="0" applyFont="1" applyBorder="1" applyAlignment="1">
      <alignment horizontal="center" vertical="center"/>
    </xf>
    <xf numFmtId="0" fontId="4" fillId="0" borderId="10" xfId="0" applyFont="1" applyBorder="1" applyAlignment="1">
      <alignment horizontal="center" vertical="center"/>
    </xf>
    <xf numFmtId="176" fontId="4" fillId="0" borderId="3" xfId="0" applyNumberFormat="1" applyFont="1" applyBorder="1" applyAlignment="1">
      <alignment vertical="center"/>
    </xf>
    <xf numFmtId="0" fontId="4" fillId="0" borderId="5" xfId="0" applyFont="1" applyBorder="1" applyAlignment="1">
      <alignment horizontal="distributed" vertical="center"/>
    </xf>
    <xf numFmtId="38" fontId="4" fillId="0" borderId="11" xfId="1" applyFont="1" applyBorder="1" applyAlignment="1">
      <alignment horizontal="right" vertical="center"/>
    </xf>
    <xf numFmtId="38" fontId="4" fillId="0" borderId="12" xfId="1" applyFont="1" applyBorder="1" applyAlignment="1">
      <alignment horizontal="right" vertical="center"/>
    </xf>
    <xf numFmtId="38" fontId="4" fillId="0" borderId="13" xfId="1" applyFont="1" applyBorder="1" applyAlignment="1">
      <alignment horizontal="right" vertical="center"/>
    </xf>
    <xf numFmtId="38" fontId="4" fillId="0" borderId="14" xfId="1" applyFont="1" applyBorder="1" applyAlignment="1">
      <alignment vertical="center"/>
    </xf>
    <xf numFmtId="38" fontId="4" fillId="0" borderId="12" xfId="1" applyFont="1" applyBorder="1" applyAlignment="1">
      <alignment vertical="center"/>
    </xf>
    <xf numFmtId="38" fontId="4" fillId="0" borderId="13" xfId="1" applyFont="1" applyBorder="1" applyAlignment="1">
      <alignment vertical="center"/>
    </xf>
    <xf numFmtId="3" fontId="4" fillId="0" borderId="11" xfId="1" applyNumberFormat="1" applyFont="1" applyBorder="1" applyAlignment="1">
      <alignment horizontal="right" vertical="center"/>
    </xf>
    <xf numFmtId="3" fontId="4" fillId="0" borderId="12" xfId="1" applyNumberFormat="1" applyFont="1" applyBorder="1" applyAlignment="1">
      <alignment horizontal="right" vertical="center"/>
    </xf>
    <xf numFmtId="3" fontId="4" fillId="0" borderId="13" xfId="1" applyNumberFormat="1" applyFont="1" applyBorder="1" applyAlignment="1">
      <alignment horizontal="right" vertical="center"/>
    </xf>
    <xf numFmtId="176" fontId="4" fillId="0" borderId="15" xfId="0" applyNumberFormat="1" applyFont="1" applyBorder="1" applyAlignment="1">
      <alignment vertical="center"/>
    </xf>
    <xf numFmtId="0" fontId="4" fillId="0" borderId="16" xfId="0" applyFont="1" applyBorder="1" applyAlignment="1">
      <alignment horizontal="distributed" vertical="center"/>
    </xf>
    <xf numFmtId="38" fontId="4" fillId="0" borderId="17" xfId="1" applyFont="1" applyBorder="1" applyAlignment="1">
      <alignment horizontal="right" vertical="center"/>
    </xf>
    <xf numFmtId="38" fontId="4" fillId="0" borderId="18" xfId="1" applyFont="1" applyBorder="1" applyAlignment="1">
      <alignment horizontal="right" vertical="center"/>
    </xf>
    <xf numFmtId="38" fontId="4" fillId="0" borderId="19" xfId="1" applyFont="1" applyBorder="1" applyAlignment="1">
      <alignment horizontal="right" vertical="center"/>
    </xf>
    <xf numFmtId="38" fontId="4" fillId="0" borderId="20" xfId="1" applyFont="1" applyBorder="1" applyAlignment="1">
      <alignment vertical="center"/>
    </xf>
    <xf numFmtId="38" fontId="4" fillId="0" borderId="18" xfId="1" applyFont="1" applyBorder="1" applyAlignment="1">
      <alignment vertical="center"/>
    </xf>
    <xf numFmtId="38" fontId="4" fillId="0" borderId="19" xfId="1" applyFont="1" applyBorder="1" applyAlignment="1">
      <alignment vertical="center"/>
    </xf>
    <xf numFmtId="3" fontId="4" fillId="0" borderId="17" xfId="1" applyNumberFormat="1" applyFont="1" applyBorder="1" applyAlignment="1">
      <alignment horizontal="right" vertical="center"/>
    </xf>
    <xf numFmtId="3" fontId="4" fillId="0" borderId="18" xfId="1" applyNumberFormat="1" applyFont="1" applyBorder="1" applyAlignment="1">
      <alignment horizontal="right" vertical="center"/>
    </xf>
    <xf numFmtId="3" fontId="4" fillId="0" borderId="19" xfId="1" applyNumberFormat="1" applyFont="1" applyBorder="1" applyAlignment="1">
      <alignment horizontal="right" vertical="center"/>
    </xf>
    <xf numFmtId="0" fontId="4" fillId="0" borderId="17" xfId="2" applyBorder="1" applyAlignment="1">
      <alignment vertical="center"/>
    </xf>
    <xf numFmtId="0" fontId="4" fillId="0" borderId="19" xfId="2" applyFont="1" applyBorder="1" applyAlignment="1">
      <alignment horizontal="distributed" vertical="center"/>
    </xf>
    <xf numFmtId="176" fontId="4" fillId="0" borderId="21" xfId="0" applyNumberFormat="1" applyFont="1" applyBorder="1" applyAlignment="1">
      <alignment vertical="center"/>
    </xf>
    <xf numFmtId="0" fontId="4" fillId="0" borderId="22" xfId="0" applyFont="1" applyBorder="1" applyAlignment="1">
      <alignment horizontal="distributed" vertical="center"/>
    </xf>
    <xf numFmtId="38" fontId="4" fillId="0" borderId="23" xfId="1" applyFont="1" applyBorder="1" applyAlignment="1">
      <alignment horizontal="right" vertical="center"/>
    </xf>
    <xf numFmtId="38" fontId="4" fillId="0" borderId="24" xfId="1" applyFont="1" applyBorder="1" applyAlignment="1">
      <alignment horizontal="right" vertical="center"/>
    </xf>
    <xf numFmtId="38" fontId="4" fillId="0" borderId="25" xfId="1" applyFont="1" applyBorder="1" applyAlignment="1">
      <alignment horizontal="right" vertical="center"/>
    </xf>
    <xf numFmtId="38" fontId="4" fillId="0" borderId="26" xfId="1" applyFont="1" applyBorder="1" applyAlignment="1">
      <alignment vertical="center"/>
    </xf>
    <xf numFmtId="38" fontId="4" fillId="0" borderId="24" xfId="1" applyFont="1" applyBorder="1" applyAlignment="1">
      <alignment vertical="center"/>
    </xf>
    <xf numFmtId="38" fontId="4" fillId="0" borderId="25" xfId="1" applyFont="1" applyBorder="1" applyAlignment="1">
      <alignment vertical="center"/>
    </xf>
    <xf numFmtId="3" fontId="4" fillId="0" borderId="8" xfId="1" applyNumberFormat="1" applyFont="1" applyBorder="1" applyAlignment="1">
      <alignment horizontal="right" vertical="center"/>
    </xf>
    <xf numFmtId="3" fontId="4" fillId="0" borderId="9" xfId="1" applyNumberFormat="1" applyFont="1" applyBorder="1" applyAlignment="1">
      <alignment horizontal="right" vertical="center"/>
    </xf>
    <xf numFmtId="3" fontId="4" fillId="0" borderId="10" xfId="1" applyNumberFormat="1" applyFont="1" applyBorder="1" applyAlignment="1">
      <alignment horizontal="right" vertical="center"/>
    </xf>
    <xf numFmtId="0" fontId="4" fillId="0" borderId="27" xfId="0" applyFont="1" applyBorder="1" applyAlignment="1">
      <alignment vertical="center"/>
    </xf>
    <xf numFmtId="0" fontId="4" fillId="0" borderId="28" xfId="0" applyFont="1" applyBorder="1" applyAlignment="1">
      <alignment horizontal="distributed" vertical="center"/>
    </xf>
    <xf numFmtId="38" fontId="4" fillId="0" borderId="29" xfId="1" applyFont="1" applyBorder="1" applyAlignment="1">
      <alignment horizontal="right" vertical="center"/>
    </xf>
    <xf numFmtId="38" fontId="4" fillId="0" borderId="30" xfId="1" applyFont="1" applyBorder="1" applyAlignment="1">
      <alignment horizontal="right" vertical="center"/>
    </xf>
    <xf numFmtId="38" fontId="4" fillId="0" borderId="31" xfId="1" applyFont="1" applyBorder="1" applyAlignment="1">
      <alignment horizontal="right" vertical="center"/>
    </xf>
    <xf numFmtId="38" fontId="4" fillId="0" borderId="32" xfId="1" applyFont="1" applyBorder="1" applyAlignment="1">
      <alignment vertical="center"/>
    </xf>
    <xf numFmtId="38" fontId="4" fillId="0" borderId="30" xfId="1" applyFont="1" applyBorder="1" applyAlignment="1">
      <alignment vertical="center"/>
    </xf>
    <xf numFmtId="38" fontId="4" fillId="0" borderId="31" xfId="1" applyFont="1" applyBorder="1" applyAlignment="1">
      <alignment vertical="center"/>
    </xf>
    <xf numFmtId="3" fontId="4" fillId="0" borderId="29" xfId="1" applyNumberFormat="1" applyFont="1" applyBorder="1" applyAlignment="1">
      <alignment horizontal="right" vertical="center"/>
    </xf>
    <xf numFmtId="3" fontId="4" fillId="0" borderId="30" xfId="1" applyNumberFormat="1" applyFont="1" applyBorder="1" applyAlignment="1">
      <alignment horizontal="right" vertical="center"/>
    </xf>
    <xf numFmtId="3" fontId="4" fillId="0" borderId="31" xfId="1" applyNumberFormat="1" applyFont="1" applyBorder="1" applyAlignment="1">
      <alignment horizontal="right" vertical="center"/>
    </xf>
  </cellXfs>
  <cellStyles count="3">
    <cellStyle name="桁区切り" xfId="1" builtinId="6"/>
    <cellStyle name="標準" xfId="0" builtinId="0"/>
    <cellStyle name="標準_校下表" xfId="2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8">
    <pageSetUpPr fitToPage="1"/>
  </sheetPr>
  <dimension ref="A1:N94"/>
  <sheetViews>
    <sheetView tabSelected="1" workbookViewId="0">
      <pane ySplit="4" topLeftCell="A5" activePane="bottomLeft" state="frozen"/>
      <selection sqref="A1:XFD1048576"/>
      <selection pane="bottomLeft" sqref="A1:N1"/>
    </sheetView>
  </sheetViews>
  <sheetFormatPr defaultRowHeight="13.2" x14ac:dyDescent="0.2"/>
  <cols>
    <col min="1" max="1" width="5.21875" customWidth="1"/>
    <col min="2" max="2" width="18.21875" customWidth="1"/>
    <col min="3" max="14" width="9.6640625" customWidth="1"/>
  </cols>
  <sheetData>
    <row r="1" spans="1:14" ht="27" customHeight="1" x14ac:dyDescent="0.2">
      <c r="A1" s="1" t="s">
        <v>0</v>
      </c>
      <c r="B1" s="1"/>
      <c r="C1" s="1"/>
      <c r="D1" s="1"/>
      <c r="E1" s="1"/>
      <c r="F1" s="1"/>
      <c r="G1" s="1"/>
      <c r="H1" s="1"/>
      <c r="I1" s="1"/>
      <c r="J1" s="1"/>
      <c r="K1" s="1"/>
      <c r="L1" s="1"/>
      <c r="M1" s="1"/>
      <c r="N1" s="1"/>
    </row>
    <row r="2" spans="1:14" ht="23.1" customHeight="1" x14ac:dyDescent="0.2">
      <c r="A2" s="2"/>
      <c r="B2" s="3"/>
      <c r="C2" s="2"/>
      <c r="D2" s="2"/>
      <c r="E2" s="2"/>
      <c r="F2" s="2"/>
      <c r="G2" s="2"/>
      <c r="H2" s="2"/>
      <c r="I2" s="2"/>
      <c r="J2" s="2"/>
      <c r="K2" s="2"/>
      <c r="L2" s="4" t="s">
        <v>1</v>
      </c>
      <c r="M2" s="4"/>
      <c r="N2" s="4"/>
    </row>
    <row r="3" spans="1:14" ht="23.1" customHeight="1" x14ac:dyDescent="0.2">
      <c r="A3" s="5" t="s">
        <v>2</v>
      </c>
      <c r="B3" s="6"/>
      <c r="C3" s="7" t="s">
        <v>3</v>
      </c>
      <c r="D3" s="8"/>
      <c r="E3" s="8"/>
      <c r="F3" s="9"/>
      <c r="G3" s="7" t="s">
        <v>4</v>
      </c>
      <c r="H3" s="8"/>
      <c r="I3" s="8"/>
      <c r="J3" s="9"/>
      <c r="K3" s="8" t="s">
        <v>5</v>
      </c>
      <c r="L3" s="8"/>
      <c r="M3" s="8"/>
      <c r="N3" s="9"/>
    </row>
    <row r="4" spans="1:14" ht="23.1" customHeight="1" x14ac:dyDescent="0.2">
      <c r="A4" s="10"/>
      <c r="B4" s="11"/>
      <c r="C4" s="12" t="s">
        <v>6</v>
      </c>
      <c r="D4" s="13" t="s">
        <v>7</v>
      </c>
      <c r="E4" s="13" t="s">
        <v>8</v>
      </c>
      <c r="F4" s="14" t="s">
        <v>9</v>
      </c>
      <c r="G4" s="12" t="s">
        <v>6</v>
      </c>
      <c r="H4" s="13" t="s">
        <v>7</v>
      </c>
      <c r="I4" s="13" t="s">
        <v>8</v>
      </c>
      <c r="J4" s="14" t="s">
        <v>9</v>
      </c>
      <c r="K4" s="12" t="s">
        <v>6</v>
      </c>
      <c r="L4" s="13" t="s">
        <v>7</v>
      </c>
      <c r="M4" s="13" t="s">
        <v>8</v>
      </c>
      <c r="N4" s="14" t="s">
        <v>9</v>
      </c>
    </row>
    <row r="5" spans="1:14" ht="23.1" customHeight="1" x14ac:dyDescent="0.2">
      <c r="A5" s="15">
        <v>1</v>
      </c>
      <c r="B5" s="16" t="s">
        <v>10</v>
      </c>
      <c r="C5" s="17">
        <v>1088</v>
      </c>
      <c r="D5" s="18">
        <v>1250</v>
      </c>
      <c r="E5" s="18">
        <v>2338</v>
      </c>
      <c r="F5" s="19">
        <v>1263</v>
      </c>
      <c r="G5" s="20">
        <v>1084</v>
      </c>
      <c r="H5" s="21">
        <v>1240</v>
      </c>
      <c r="I5" s="21">
        <v>2324</v>
      </c>
      <c r="J5" s="22">
        <v>1262</v>
      </c>
      <c r="K5" s="23">
        <v>-4</v>
      </c>
      <c r="L5" s="24">
        <v>-10</v>
      </c>
      <c r="M5" s="24">
        <v>-14</v>
      </c>
      <c r="N5" s="25">
        <v>-1</v>
      </c>
    </row>
    <row r="6" spans="1:14" ht="23.1" customHeight="1" x14ac:dyDescent="0.2">
      <c r="A6" s="26">
        <v>2</v>
      </c>
      <c r="B6" s="27" t="s">
        <v>11</v>
      </c>
      <c r="C6" s="28">
        <v>2223</v>
      </c>
      <c r="D6" s="29">
        <v>2373</v>
      </c>
      <c r="E6" s="29">
        <v>4596</v>
      </c>
      <c r="F6" s="30">
        <v>2318</v>
      </c>
      <c r="G6" s="31">
        <v>2235</v>
      </c>
      <c r="H6" s="32">
        <v>2376</v>
      </c>
      <c r="I6" s="32">
        <v>4611</v>
      </c>
      <c r="J6" s="33">
        <v>2332</v>
      </c>
      <c r="K6" s="34">
        <v>12</v>
      </c>
      <c r="L6" s="35">
        <v>3</v>
      </c>
      <c r="M6" s="35">
        <v>15</v>
      </c>
      <c r="N6" s="36">
        <v>14</v>
      </c>
    </row>
    <row r="7" spans="1:14" ht="23.1" customHeight="1" x14ac:dyDescent="0.2">
      <c r="A7" s="26">
        <v>3</v>
      </c>
      <c r="B7" s="27" t="s">
        <v>12</v>
      </c>
      <c r="C7" s="28">
        <v>1283</v>
      </c>
      <c r="D7" s="29">
        <v>1443</v>
      </c>
      <c r="E7" s="29">
        <v>2726</v>
      </c>
      <c r="F7" s="30">
        <v>1325</v>
      </c>
      <c r="G7" s="31">
        <v>1277</v>
      </c>
      <c r="H7" s="32">
        <v>1448</v>
      </c>
      <c r="I7" s="32">
        <v>2725</v>
      </c>
      <c r="J7" s="33">
        <v>1324</v>
      </c>
      <c r="K7" s="34">
        <v>-6</v>
      </c>
      <c r="L7" s="35">
        <v>5</v>
      </c>
      <c r="M7" s="35">
        <v>-1</v>
      </c>
      <c r="N7" s="36">
        <v>-1</v>
      </c>
    </row>
    <row r="8" spans="1:14" ht="23.1" customHeight="1" x14ac:dyDescent="0.2">
      <c r="A8" s="26">
        <v>4</v>
      </c>
      <c r="B8" s="27" t="s">
        <v>13</v>
      </c>
      <c r="C8" s="28">
        <v>829</v>
      </c>
      <c r="D8" s="29">
        <v>938</v>
      </c>
      <c r="E8" s="29">
        <v>1767</v>
      </c>
      <c r="F8" s="30">
        <v>984</v>
      </c>
      <c r="G8" s="31">
        <v>837</v>
      </c>
      <c r="H8" s="32">
        <v>943</v>
      </c>
      <c r="I8" s="32">
        <v>1780</v>
      </c>
      <c r="J8" s="33">
        <v>996</v>
      </c>
      <c r="K8" s="34">
        <v>8</v>
      </c>
      <c r="L8" s="35">
        <v>5</v>
      </c>
      <c r="M8" s="35">
        <v>13</v>
      </c>
      <c r="N8" s="36">
        <v>12</v>
      </c>
    </row>
    <row r="9" spans="1:14" ht="23.1" customHeight="1" x14ac:dyDescent="0.2">
      <c r="A9" s="26">
        <v>5</v>
      </c>
      <c r="B9" s="27" t="s">
        <v>14</v>
      </c>
      <c r="C9" s="28">
        <v>1595</v>
      </c>
      <c r="D9" s="29">
        <v>1857</v>
      </c>
      <c r="E9" s="29">
        <v>3452</v>
      </c>
      <c r="F9" s="30">
        <v>1845</v>
      </c>
      <c r="G9" s="31">
        <v>1598</v>
      </c>
      <c r="H9" s="32">
        <v>1870</v>
      </c>
      <c r="I9" s="32">
        <v>3468</v>
      </c>
      <c r="J9" s="33">
        <v>1856</v>
      </c>
      <c r="K9" s="34">
        <v>3</v>
      </c>
      <c r="L9" s="35">
        <v>13</v>
      </c>
      <c r="M9" s="35">
        <v>16</v>
      </c>
      <c r="N9" s="36">
        <v>11</v>
      </c>
    </row>
    <row r="10" spans="1:14" ht="23.1" customHeight="1" x14ac:dyDescent="0.2">
      <c r="A10" s="26">
        <v>6</v>
      </c>
      <c r="B10" s="27" t="s">
        <v>15</v>
      </c>
      <c r="C10" s="28">
        <v>2835</v>
      </c>
      <c r="D10" s="29">
        <v>3052</v>
      </c>
      <c r="E10" s="29">
        <v>5887</v>
      </c>
      <c r="F10" s="30">
        <v>3162</v>
      </c>
      <c r="G10" s="31">
        <v>2850</v>
      </c>
      <c r="H10" s="32">
        <v>3038</v>
      </c>
      <c r="I10" s="32">
        <v>5888</v>
      </c>
      <c r="J10" s="33">
        <v>3177</v>
      </c>
      <c r="K10" s="34">
        <v>15</v>
      </c>
      <c r="L10" s="35">
        <v>-14</v>
      </c>
      <c r="M10" s="35">
        <v>1</v>
      </c>
      <c r="N10" s="36">
        <v>15</v>
      </c>
    </row>
    <row r="11" spans="1:14" ht="23.1" customHeight="1" x14ac:dyDescent="0.2">
      <c r="A11" s="26">
        <v>7</v>
      </c>
      <c r="B11" s="27" t="s">
        <v>16</v>
      </c>
      <c r="C11" s="28">
        <v>1980</v>
      </c>
      <c r="D11" s="29">
        <v>2086</v>
      </c>
      <c r="E11" s="29">
        <v>4066</v>
      </c>
      <c r="F11" s="30">
        <v>2066</v>
      </c>
      <c r="G11" s="31">
        <v>1997</v>
      </c>
      <c r="H11" s="32">
        <v>2103</v>
      </c>
      <c r="I11" s="32">
        <v>4100</v>
      </c>
      <c r="J11" s="33">
        <v>2089</v>
      </c>
      <c r="K11" s="34">
        <v>17</v>
      </c>
      <c r="L11" s="35">
        <v>17</v>
      </c>
      <c r="M11" s="35">
        <v>34</v>
      </c>
      <c r="N11" s="36">
        <v>23</v>
      </c>
    </row>
    <row r="12" spans="1:14" ht="23.1" customHeight="1" x14ac:dyDescent="0.2">
      <c r="A12" s="26">
        <v>8</v>
      </c>
      <c r="B12" s="27" t="s">
        <v>17</v>
      </c>
      <c r="C12" s="28">
        <v>1246</v>
      </c>
      <c r="D12" s="29">
        <v>1336</v>
      </c>
      <c r="E12" s="29">
        <v>2582</v>
      </c>
      <c r="F12" s="30">
        <v>1353</v>
      </c>
      <c r="G12" s="31">
        <v>1239</v>
      </c>
      <c r="H12" s="32">
        <v>1333</v>
      </c>
      <c r="I12" s="32">
        <v>2572</v>
      </c>
      <c r="J12" s="33">
        <v>1353</v>
      </c>
      <c r="K12" s="34">
        <v>-7</v>
      </c>
      <c r="L12" s="35">
        <v>-3</v>
      </c>
      <c r="M12" s="35">
        <v>-10</v>
      </c>
      <c r="N12" s="36">
        <v>0</v>
      </c>
    </row>
    <row r="13" spans="1:14" ht="23.1" customHeight="1" x14ac:dyDescent="0.2">
      <c r="A13" s="26">
        <v>9</v>
      </c>
      <c r="B13" s="27" t="s">
        <v>18</v>
      </c>
      <c r="C13" s="28">
        <v>3090</v>
      </c>
      <c r="D13" s="29">
        <v>3360</v>
      </c>
      <c r="E13" s="29">
        <v>6450</v>
      </c>
      <c r="F13" s="30">
        <v>3175</v>
      </c>
      <c r="G13" s="31">
        <v>3105</v>
      </c>
      <c r="H13" s="32">
        <v>3377</v>
      </c>
      <c r="I13" s="32">
        <v>6482</v>
      </c>
      <c r="J13" s="33">
        <v>3189</v>
      </c>
      <c r="K13" s="34">
        <v>15</v>
      </c>
      <c r="L13" s="35">
        <v>17</v>
      </c>
      <c r="M13" s="35">
        <v>32</v>
      </c>
      <c r="N13" s="36">
        <v>14</v>
      </c>
    </row>
    <row r="14" spans="1:14" ht="23.1" customHeight="1" x14ac:dyDescent="0.2">
      <c r="A14" s="26">
        <v>10</v>
      </c>
      <c r="B14" s="27" t="s">
        <v>19</v>
      </c>
      <c r="C14" s="28">
        <v>5621</v>
      </c>
      <c r="D14" s="29">
        <v>6161</v>
      </c>
      <c r="E14" s="29">
        <v>11782</v>
      </c>
      <c r="F14" s="30">
        <v>5777</v>
      </c>
      <c r="G14" s="31">
        <v>5646</v>
      </c>
      <c r="H14" s="32">
        <v>6149</v>
      </c>
      <c r="I14" s="32">
        <v>11795</v>
      </c>
      <c r="J14" s="33">
        <v>5802</v>
      </c>
      <c r="K14" s="34">
        <v>25</v>
      </c>
      <c r="L14" s="35">
        <v>-12</v>
      </c>
      <c r="M14" s="35">
        <v>13</v>
      </c>
      <c r="N14" s="36">
        <v>25</v>
      </c>
    </row>
    <row r="15" spans="1:14" ht="23.1" customHeight="1" x14ac:dyDescent="0.2">
      <c r="A15" s="26">
        <v>11</v>
      </c>
      <c r="B15" s="27" t="s">
        <v>20</v>
      </c>
      <c r="C15" s="28">
        <v>7336</v>
      </c>
      <c r="D15" s="29">
        <v>7782</v>
      </c>
      <c r="E15" s="29">
        <v>15118</v>
      </c>
      <c r="F15" s="30">
        <v>6766</v>
      </c>
      <c r="G15" s="31">
        <v>7349</v>
      </c>
      <c r="H15" s="32">
        <v>7800</v>
      </c>
      <c r="I15" s="32">
        <v>15149</v>
      </c>
      <c r="J15" s="33">
        <v>6801</v>
      </c>
      <c r="K15" s="34">
        <v>13</v>
      </c>
      <c r="L15" s="35">
        <v>18</v>
      </c>
      <c r="M15" s="35">
        <v>31</v>
      </c>
      <c r="N15" s="36">
        <v>35</v>
      </c>
    </row>
    <row r="16" spans="1:14" ht="23.1" customHeight="1" x14ac:dyDescent="0.2">
      <c r="A16" s="26">
        <v>12</v>
      </c>
      <c r="B16" s="27" t="s">
        <v>21</v>
      </c>
      <c r="C16" s="28">
        <v>3956</v>
      </c>
      <c r="D16" s="29">
        <v>4114</v>
      </c>
      <c r="E16" s="29">
        <v>8070</v>
      </c>
      <c r="F16" s="30">
        <v>4202</v>
      </c>
      <c r="G16" s="31">
        <v>3943</v>
      </c>
      <c r="H16" s="32">
        <v>4107</v>
      </c>
      <c r="I16" s="32">
        <v>8050</v>
      </c>
      <c r="J16" s="33">
        <v>4188</v>
      </c>
      <c r="K16" s="34">
        <v>-13</v>
      </c>
      <c r="L16" s="35">
        <v>-7</v>
      </c>
      <c r="M16" s="35">
        <v>-20</v>
      </c>
      <c r="N16" s="36">
        <v>-14</v>
      </c>
    </row>
    <row r="17" spans="1:14" ht="23.1" customHeight="1" x14ac:dyDescent="0.2">
      <c r="A17" s="26">
        <v>13</v>
      </c>
      <c r="B17" s="27" t="s">
        <v>22</v>
      </c>
      <c r="C17" s="28">
        <v>5102</v>
      </c>
      <c r="D17" s="29">
        <v>5389</v>
      </c>
      <c r="E17" s="29">
        <v>10491</v>
      </c>
      <c r="F17" s="30">
        <v>5229</v>
      </c>
      <c r="G17" s="31">
        <v>5129</v>
      </c>
      <c r="H17" s="32">
        <v>5380</v>
      </c>
      <c r="I17" s="32">
        <v>10509</v>
      </c>
      <c r="J17" s="33">
        <v>5259</v>
      </c>
      <c r="K17" s="34">
        <v>27</v>
      </c>
      <c r="L17" s="35">
        <v>-9</v>
      </c>
      <c r="M17" s="35">
        <v>18</v>
      </c>
      <c r="N17" s="36">
        <v>30</v>
      </c>
    </row>
    <row r="18" spans="1:14" ht="23.1" customHeight="1" x14ac:dyDescent="0.2">
      <c r="A18" s="26">
        <v>14</v>
      </c>
      <c r="B18" s="27" t="s">
        <v>23</v>
      </c>
      <c r="C18" s="28">
        <v>3896</v>
      </c>
      <c r="D18" s="29">
        <v>4139</v>
      </c>
      <c r="E18" s="29">
        <v>8035</v>
      </c>
      <c r="F18" s="30">
        <v>3776</v>
      </c>
      <c r="G18" s="31">
        <v>3892</v>
      </c>
      <c r="H18" s="32">
        <v>4160</v>
      </c>
      <c r="I18" s="32">
        <v>8052</v>
      </c>
      <c r="J18" s="33">
        <v>3796</v>
      </c>
      <c r="K18" s="34">
        <v>-4</v>
      </c>
      <c r="L18" s="35">
        <v>21</v>
      </c>
      <c r="M18" s="35">
        <v>17</v>
      </c>
      <c r="N18" s="36">
        <v>20</v>
      </c>
    </row>
    <row r="19" spans="1:14" ht="23.1" customHeight="1" x14ac:dyDescent="0.2">
      <c r="A19" s="26">
        <v>15</v>
      </c>
      <c r="B19" s="27" t="s">
        <v>24</v>
      </c>
      <c r="C19" s="28">
        <v>2749</v>
      </c>
      <c r="D19" s="29">
        <v>2932</v>
      </c>
      <c r="E19" s="29">
        <v>5681</v>
      </c>
      <c r="F19" s="30">
        <v>2546</v>
      </c>
      <c r="G19" s="31">
        <v>2752</v>
      </c>
      <c r="H19" s="32">
        <v>2930</v>
      </c>
      <c r="I19" s="32">
        <v>5682</v>
      </c>
      <c r="J19" s="33">
        <v>2555</v>
      </c>
      <c r="K19" s="34">
        <v>3</v>
      </c>
      <c r="L19" s="35">
        <v>-2</v>
      </c>
      <c r="M19" s="35">
        <v>1</v>
      </c>
      <c r="N19" s="36">
        <v>9</v>
      </c>
    </row>
    <row r="20" spans="1:14" ht="23.1" customHeight="1" x14ac:dyDescent="0.2">
      <c r="A20" s="26">
        <v>16</v>
      </c>
      <c r="B20" s="27" t="s">
        <v>25</v>
      </c>
      <c r="C20" s="28">
        <v>5172</v>
      </c>
      <c r="D20" s="29">
        <v>4739</v>
      </c>
      <c r="E20" s="29">
        <v>9911</v>
      </c>
      <c r="F20" s="30">
        <v>5439</v>
      </c>
      <c r="G20" s="31">
        <v>5274</v>
      </c>
      <c r="H20" s="32">
        <v>4793</v>
      </c>
      <c r="I20" s="32">
        <v>10067</v>
      </c>
      <c r="J20" s="33">
        <v>5621</v>
      </c>
      <c r="K20" s="34">
        <v>102</v>
      </c>
      <c r="L20" s="35">
        <v>54</v>
      </c>
      <c r="M20" s="35">
        <v>156</v>
      </c>
      <c r="N20" s="36">
        <v>182</v>
      </c>
    </row>
    <row r="21" spans="1:14" ht="23.1" customHeight="1" x14ac:dyDescent="0.2">
      <c r="A21" s="26">
        <v>17</v>
      </c>
      <c r="B21" s="27" t="s">
        <v>26</v>
      </c>
      <c r="C21" s="28">
        <v>1913</v>
      </c>
      <c r="D21" s="29">
        <v>2135</v>
      </c>
      <c r="E21" s="29">
        <v>4048</v>
      </c>
      <c r="F21" s="30">
        <v>1801</v>
      </c>
      <c r="G21" s="31">
        <v>1913</v>
      </c>
      <c r="H21" s="32">
        <v>2132</v>
      </c>
      <c r="I21" s="32">
        <v>4045</v>
      </c>
      <c r="J21" s="33">
        <v>1800</v>
      </c>
      <c r="K21" s="34">
        <v>0</v>
      </c>
      <c r="L21" s="35">
        <v>-3</v>
      </c>
      <c r="M21" s="35">
        <v>-3</v>
      </c>
      <c r="N21" s="36">
        <v>-1</v>
      </c>
    </row>
    <row r="22" spans="1:14" ht="23.1" customHeight="1" x14ac:dyDescent="0.2">
      <c r="A22" s="26">
        <v>18</v>
      </c>
      <c r="B22" s="27" t="s">
        <v>27</v>
      </c>
      <c r="C22" s="28">
        <v>1432</v>
      </c>
      <c r="D22" s="29">
        <v>1638</v>
      </c>
      <c r="E22" s="29">
        <v>3070</v>
      </c>
      <c r="F22" s="30">
        <v>1492</v>
      </c>
      <c r="G22" s="31">
        <v>1432</v>
      </c>
      <c r="H22" s="32">
        <v>1635</v>
      </c>
      <c r="I22" s="32">
        <v>3067</v>
      </c>
      <c r="J22" s="33">
        <v>1495</v>
      </c>
      <c r="K22" s="34">
        <v>0</v>
      </c>
      <c r="L22" s="35">
        <v>-3</v>
      </c>
      <c r="M22" s="35">
        <v>-3</v>
      </c>
      <c r="N22" s="36">
        <v>3</v>
      </c>
    </row>
    <row r="23" spans="1:14" ht="23.1" customHeight="1" x14ac:dyDescent="0.2">
      <c r="A23" s="26">
        <v>19</v>
      </c>
      <c r="B23" s="27" t="s">
        <v>28</v>
      </c>
      <c r="C23" s="28">
        <v>2812</v>
      </c>
      <c r="D23" s="29">
        <v>2927</v>
      </c>
      <c r="E23" s="29">
        <v>5739</v>
      </c>
      <c r="F23" s="30">
        <v>2509</v>
      </c>
      <c r="G23" s="31">
        <v>2810</v>
      </c>
      <c r="H23" s="32">
        <v>2926</v>
      </c>
      <c r="I23" s="32">
        <v>5736</v>
      </c>
      <c r="J23" s="33">
        <v>2504</v>
      </c>
      <c r="K23" s="34">
        <v>-2</v>
      </c>
      <c r="L23" s="35">
        <v>-1</v>
      </c>
      <c r="M23" s="35">
        <v>-3</v>
      </c>
      <c r="N23" s="36">
        <v>-5</v>
      </c>
    </row>
    <row r="24" spans="1:14" ht="23.1" customHeight="1" x14ac:dyDescent="0.2">
      <c r="A24" s="26">
        <v>20</v>
      </c>
      <c r="B24" s="27" t="s">
        <v>29</v>
      </c>
      <c r="C24" s="28">
        <v>3732</v>
      </c>
      <c r="D24" s="29">
        <v>3850</v>
      </c>
      <c r="E24" s="29">
        <v>7582</v>
      </c>
      <c r="F24" s="30">
        <v>3260</v>
      </c>
      <c r="G24" s="31">
        <v>3737</v>
      </c>
      <c r="H24" s="32">
        <v>3843</v>
      </c>
      <c r="I24" s="32">
        <v>7580</v>
      </c>
      <c r="J24" s="33">
        <v>3273</v>
      </c>
      <c r="K24" s="34">
        <v>5</v>
      </c>
      <c r="L24" s="35">
        <v>-7</v>
      </c>
      <c r="M24" s="35">
        <v>-2</v>
      </c>
      <c r="N24" s="36">
        <v>13</v>
      </c>
    </row>
    <row r="25" spans="1:14" ht="23.1" customHeight="1" x14ac:dyDescent="0.2">
      <c r="A25" s="26">
        <v>21</v>
      </c>
      <c r="B25" s="27" t="s">
        <v>30</v>
      </c>
      <c r="C25" s="28">
        <v>1131</v>
      </c>
      <c r="D25" s="29">
        <v>1295</v>
      </c>
      <c r="E25" s="29">
        <v>2426</v>
      </c>
      <c r="F25" s="30">
        <v>1069</v>
      </c>
      <c r="G25" s="31">
        <v>1123</v>
      </c>
      <c r="H25" s="32">
        <v>1289</v>
      </c>
      <c r="I25" s="32">
        <v>2412</v>
      </c>
      <c r="J25" s="33">
        <v>1066</v>
      </c>
      <c r="K25" s="34">
        <v>-8</v>
      </c>
      <c r="L25" s="35">
        <v>-6</v>
      </c>
      <c r="M25" s="35">
        <v>-14</v>
      </c>
      <c r="N25" s="36">
        <v>-3</v>
      </c>
    </row>
    <row r="26" spans="1:14" ht="23.1" customHeight="1" x14ac:dyDescent="0.2">
      <c r="A26" s="26">
        <v>22</v>
      </c>
      <c r="B26" s="27" t="s">
        <v>31</v>
      </c>
      <c r="C26" s="28">
        <v>1949</v>
      </c>
      <c r="D26" s="29">
        <v>2073</v>
      </c>
      <c r="E26" s="29">
        <v>4022</v>
      </c>
      <c r="F26" s="30">
        <v>1784</v>
      </c>
      <c r="G26" s="31">
        <v>1942</v>
      </c>
      <c r="H26" s="32">
        <v>2069</v>
      </c>
      <c r="I26" s="32">
        <v>4011</v>
      </c>
      <c r="J26" s="33">
        <v>1783</v>
      </c>
      <c r="K26" s="34">
        <v>-7</v>
      </c>
      <c r="L26" s="35">
        <v>-4</v>
      </c>
      <c r="M26" s="35">
        <v>-11</v>
      </c>
      <c r="N26" s="36">
        <v>-1</v>
      </c>
    </row>
    <row r="27" spans="1:14" ht="23.1" customHeight="1" x14ac:dyDescent="0.2">
      <c r="A27" s="26">
        <v>23</v>
      </c>
      <c r="B27" s="27" t="s">
        <v>32</v>
      </c>
      <c r="C27" s="28">
        <v>7578</v>
      </c>
      <c r="D27" s="29">
        <v>7866</v>
      </c>
      <c r="E27" s="29">
        <v>15444</v>
      </c>
      <c r="F27" s="30">
        <v>6658</v>
      </c>
      <c r="G27" s="31">
        <v>7582</v>
      </c>
      <c r="H27" s="32">
        <v>7887</v>
      </c>
      <c r="I27" s="32">
        <v>15469</v>
      </c>
      <c r="J27" s="33">
        <v>6664</v>
      </c>
      <c r="K27" s="34">
        <v>4</v>
      </c>
      <c r="L27" s="35">
        <v>21</v>
      </c>
      <c r="M27" s="35">
        <v>25</v>
      </c>
      <c r="N27" s="36">
        <v>6</v>
      </c>
    </row>
    <row r="28" spans="1:14" ht="23.1" customHeight="1" x14ac:dyDescent="0.2">
      <c r="A28" s="26">
        <v>24</v>
      </c>
      <c r="B28" s="27" t="s">
        <v>33</v>
      </c>
      <c r="C28" s="28">
        <v>4650</v>
      </c>
      <c r="D28" s="29">
        <v>5026</v>
      </c>
      <c r="E28" s="29">
        <v>9676</v>
      </c>
      <c r="F28" s="30">
        <v>4594</v>
      </c>
      <c r="G28" s="31">
        <v>4615</v>
      </c>
      <c r="H28" s="32">
        <v>5004</v>
      </c>
      <c r="I28" s="32">
        <v>9619</v>
      </c>
      <c r="J28" s="33">
        <v>4566</v>
      </c>
      <c r="K28" s="34">
        <v>-35</v>
      </c>
      <c r="L28" s="35">
        <v>-22</v>
      </c>
      <c r="M28" s="35">
        <v>-57</v>
      </c>
      <c r="N28" s="36">
        <v>-28</v>
      </c>
    </row>
    <row r="29" spans="1:14" ht="23.1" customHeight="1" x14ac:dyDescent="0.2">
      <c r="A29" s="26">
        <v>25</v>
      </c>
      <c r="B29" s="27" t="s">
        <v>34</v>
      </c>
      <c r="C29" s="28">
        <v>6139</v>
      </c>
      <c r="D29" s="29">
        <v>6464</v>
      </c>
      <c r="E29" s="29">
        <v>12603</v>
      </c>
      <c r="F29" s="30">
        <v>5886</v>
      </c>
      <c r="G29" s="31">
        <v>6149</v>
      </c>
      <c r="H29" s="32">
        <v>6456</v>
      </c>
      <c r="I29" s="32">
        <v>12605</v>
      </c>
      <c r="J29" s="33">
        <v>5901</v>
      </c>
      <c r="K29" s="34">
        <v>10</v>
      </c>
      <c r="L29" s="35">
        <v>-8</v>
      </c>
      <c r="M29" s="35">
        <v>2</v>
      </c>
      <c r="N29" s="36">
        <v>15</v>
      </c>
    </row>
    <row r="30" spans="1:14" ht="23.1" customHeight="1" x14ac:dyDescent="0.2">
      <c r="A30" s="26">
        <v>26</v>
      </c>
      <c r="B30" s="27" t="s">
        <v>35</v>
      </c>
      <c r="C30" s="28">
        <v>8016</v>
      </c>
      <c r="D30" s="29">
        <v>8367</v>
      </c>
      <c r="E30" s="29">
        <v>16383</v>
      </c>
      <c r="F30" s="30">
        <v>6853</v>
      </c>
      <c r="G30" s="31">
        <v>8017</v>
      </c>
      <c r="H30" s="32">
        <v>8376</v>
      </c>
      <c r="I30" s="32">
        <v>16393</v>
      </c>
      <c r="J30" s="33">
        <v>6871</v>
      </c>
      <c r="K30" s="34">
        <v>1</v>
      </c>
      <c r="L30" s="35">
        <v>9</v>
      </c>
      <c r="M30" s="35">
        <v>10</v>
      </c>
      <c r="N30" s="36">
        <v>18</v>
      </c>
    </row>
    <row r="31" spans="1:14" ht="23.1" customHeight="1" x14ac:dyDescent="0.2">
      <c r="A31" s="26">
        <v>27</v>
      </c>
      <c r="B31" s="27" t="s">
        <v>36</v>
      </c>
      <c r="C31" s="28">
        <v>5533</v>
      </c>
      <c r="D31" s="29">
        <v>6040</v>
      </c>
      <c r="E31" s="29">
        <v>11573</v>
      </c>
      <c r="F31" s="30">
        <v>5715</v>
      </c>
      <c r="G31" s="31">
        <v>5512</v>
      </c>
      <c r="H31" s="32">
        <v>6043</v>
      </c>
      <c r="I31" s="32">
        <v>11555</v>
      </c>
      <c r="J31" s="33">
        <v>5722</v>
      </c>
      <c r="K31" s="34">
        <v>-21</v>
      </c>
      <c r="L31" s="35">
        <v>3</v>
      </c>
      <c r="M31" s="35">
        <v>-18</v>
      </c>
      <c r="N31" s="36">
        <v>7</v>
      </c>
    </row>
    <row r="32" spans="1:14" ht="23.1" customHeight="1" x14ac:dyDescent="0.2">
      <c r="A32" s="26">
        <v>28</v>
      </c>
      <c r="B32" s="27" t="s">
        <v>37</v>
      </c>
      <c r="C32" s="28">
        <v>5545</v>
      </c>
      <c r="D32" s="29">
        <v>5828</v>
      </c>
      <c r="E32" s="29">
        <v>11373</v>
      </c>
      <c r="F32" s="30">
        <v>4964</v>
      </c>
      <c r="G32" s="31">
        <v>5560</v>
      </c>
      <c r="H32" s="32">
        <v>5839</v>
      </c>
      <c r="I32" s="32">
        <v>11399</v>
      </c>
      <c r="J32" s="33">
        <v>4983</v>
      </c>
      <c r="K32" s="34">
        <v>15</v>
      </c>
      <c r="L32" s="35">
        <v>11</v>
      </c>
      <c r="M32" s="35">
        <v>26</v>
      </c>
      <c r="N32" s="36">
        <v>19</v>
      </c>
    </row>
    <row r="33" spans="1:14" ht="23.1" customHeight="1" x14ac:dyDescent="0.2">
      <c r="A33" s="26">
        <v>29</v>
      </c>
      <c r="B33" s="27" t="s">
        <v>38</v>
      </c>
      <c r="C33" s="28">
        <v>2726</v>
      </c>
      <c r="D33" s="29">
        <v>2902</v>
      </c>
      <c r="E33" s="29">
        <v>5628</v>
      </c>
      <c r="F33" s="30">
        <v>2460</v>
      </c>
      <c r="G33" s="31">
        <v>2727</v>
      </c>
      <c r="H33" s="32">
        <v>2898</v>
      </c>
      <c r="I33" s="32">
        <v>5625</v>
      </c>
      <c r="J33" s="33">
        <v>2465</v>
      </c>
      <c r="K33" s="34">
        <v>1</v>
      </c>
      <c r="L33" s="35">
        <v>-4</v>
      </c>
      <c r="M33" s="35">
        <v>-3</v>
      </c>
      <c r="N33" s="36">
        <v>5</v>
      </c>
    </row>
    <row r="34" spans="1:14" ht="23.1" customHeight="1" x14ac:dyDescent="0.2">
      <c r="A34" s="26">
        <v>30</v>
      </c>
      <c r="B34" s="27" t="s">
        <v>39</v>
      </c>
      <c r="C34" s="28">
        <v>6639</v>
      </c>
      <c r="D34" s="29">
        <v>6904</v>
      </c>
      <c r="E34" s="29">
        <v>13543</v>
      </c>
      <c r="F34" s="30">
        <v>6312</v>
      </c>
      <c r="G34" s="31">
        <v>6612</v>
      </c>
      <c r="H34" s="32">
        <v>6875</v>
      </c>
      <c r="I34" s="32">
        <v>13487</v>
      </c>
      <c r="J34" s="33">
        <v>6287</v>
      </c>
      <c r="K34" s="34">
        <v>-27</v>
      </c>
      <c r="L34" s="35">
        <v>-29</v>
      </c>
      <c r="M34" s="35">
        <v>-56</v>
      </c>
      <c r="N34" s="36">
        <v>-25</v>
      </c>
    </row>
    <row r="35" spans="1:14" ht="23.1" customHeight="1" x14ac:dyDescent="0.2">
      <c r="A35" s="26">
        <v>31</v>
      </c>
      <c r="B35" s="27" t="s">
        <v>40</v>
      </c>
      <c r="C35" s="28">
        <v>2788</v>
      </c>
      <c r="D35" s="29">
        <v>2735</v>
      </c>
      <c r="E35" s="29">
        <v>5523</v>
      </c>
      <c r="F35" s="30">
        <v>2493</v>
      </c>
      <c r="G35" s="31">
        <v>2795</v>
      </c>
      <c r="H35" s="32">
        <v>2745</v>
      </c>
      <c r="I35" s="32">
        <v>5540</v>
      </c>
      <c r="J35" s="33">
        <v>2499</v>
      </c>
      <c r="K35" s="34">
        <v>7</v>
      </c>
      <c r="L35" s="35">
        <v>10</v>
      </c>
      <c r="M35" s="35">
        <v>17</v>
      </c>
      <c r="N35" s="36">
        <v>6</v>
      </c>
    </row>
    <row r="36" spans="1:14" ht="23.1" customHeight="1" x14ac:dyDescent="0.2">
      <c r="A36" s="26">
        <v>32</v>
      </c>
      <c r="B36" s="27" t="s">
        <v>41</v>
      </c>
      <c r="C36" s="28">
        <v>3382</v>
      </c>
      <c r="D36" s="29">
        <v>3529</v>
      </c>
      <c r="E36" s="29">
        <v>6911</v>
      </c>
      <c r="F36" s="30">
        <v>2817</v>
      </c>
      <c r="G36" s="31">
        <v>3380</v>
      </c>
      <c r="H36" s="32">
        <v>3526</v>
      </c>
      <c r="I36" s="32">
        <v>6906</v>
      </c>
      <c r="J36" s="33">
        <v>2823</v>
      </c>
      <c r="K36" s="34">
        <v>-2</v>
      </c>
      <c r="L36" s="35">
        <v>-3</v>
      </c>
      <c r="M36" s="35">
        <v>-5</v>
      </c>
      <c r="N36" s="36">
        <v>6</v>
      </c>
    </row>
    <row r="37" spans="1:14" ht="23.1" customHeight="1" x14ac:dyDescent="0.2">
      <c r="A37" s="26">
        <v>33</v>
      </c>
      <c r="B37" s="27" t="s">
        <v>42</v>
      </c>
      <c r="C37" s="28">
        <v>2999</v>
      </c>
      <c r="D37" s="29">
        <v>3232</v>
      </c>
      <c r="E37" s="29">
        <v>6231</v>
      </c>
      <c r="F37" s="30">
        <v>2696</v>
      </c>
      <c r="G37" s="31">
        <v>2992</v>
      </c>
      <c r="H37" s="32">
        <v>3225</v>
      </c>
      <c r="I37" s="32">
        <v>6217</v>
      </c>
      <c r="J37" s="33">
        <v>2691</v>
      </c>
      <c r="K37" s="34">
        <v>-7</v>
      </c>
      <c r="L37" s="35">
        <v>-7</v>
      </c>
      <c r="M37" s="35">
        <v>-14</v>
      </c>
      <c r="N37" s="36">
        <v>-5</v>
      </c>
    </row>
    <row r="38" spans="1:14" ht="23.1" customHeight="1" x14ac:dyDescent="0.2">
      <c r="A38" s="26">
        <v>34</v>
      </c>
      <c r="B38" s="27" t="s">
        <v>43</v>
      </c>
      <c r="C38" s="28">
        <v>1583</v>
      </c>
      <c r="D38" s="29">
        <v>1658</v>
      </c>
      <c r="E38" s="29">
        <v>3241</v>
      </c>
      <c r="F38" s="30">
        <v>1406</v>
      </c>
      <c r="G38" s="31">
        <v>1588</v>
      </c>
      <c r="H38" s="32">
        <v>1652</v>
      </c>
      <c r="I38" s="32">
        <v>3240</v>
      </c>
      <c r="J38" s="33">
        <v>1408</v>
      </c>
      <c r="K38" s="34">
        <v>5</v>
      </c>
      <c r="L38" s="35">
        <v>-6</v>
      </c>
      <c r="M38" s="35">
        <v>-1</v>
      </c>
      <c r="N38" s="36">
        <v>2</v>
      </c>
    </row>
    <row r="39" spans="1:14" ht="23.1" customHeight="1" x14ac:dyDescent="0.2">
      <c r="A39" s="26">
        <v>35</v>
      </c>
      <c r="B39" s="27" t="s">
        <v>44</v>
      </c>
      <c r="C39" s="28">
        <v>1089</v>
      </c>
      <c r="D39" s="29">
        <v>1174</v>
      </c>
      <c r="E39" s="29">
        <v>2263</v>
      </c>
      <c r="F39" s="30">
        <v>948</v>
      </c>
      <c r="G39" s="31">
        <v>1088</v>
      </c>
      <c r="H39" s="32">
        <v>1175</v>
      </c>
      <c r="I39" s="32">
        <v>2263</v>
      </c>
      <c r="J39" s="33">
        <v>947</v>
      </c>
      <c r="K39" s="34">
        <v>-1</v>
      </c>
      <c r="L39" s="35">
        <v>1</v>
      </c>
      <c r="M39" s="35">
        <v>0</v>
      </c>
      <c r="N39" s="36">
        <v>-1</v>
      </c>
    </row>
    <row r="40" spans="1:14" ht="23.1" customHeight="1" x14ac:dyDescent="0.2">
      <c r="A40" s="26">
        <v>36</v>
      </c>
      <c r="B40" s="27" t="s">
        <v>45</v>
      </c>
      <c r="C40" s="28">
        <v>1406</v>
      </c>
      <c r="D40" s="29">
        <v>1385</v>
      </c>
      <c r="E40" s="29">
        <v>2791</v>
      </c>
      <c r="F40" s="30">
        <v>1187</v>
      </c>
      <c r="G40" s="31">
        <v>1403</v>
      </c>
      <c r="H40" s="32">
        <v>1385</v>
      </c>
      <c r="I40" s="32">
        <v>2788</v>
      </c>
      <c r="J40" s="33">
        <v>1187</v>
      </c>
      <c r="K40" s="34">
        <v>-3</v>
      </c>
      <c r="L40" s="35">
        <v>0</v>
      </c>
      <c r="M40" s="35">
        <v>-3</v>
      </c>
      <c r="N40" s="36">
        <v>0</v>
      </c>
    </row>
    <row r="41" spans="1:14" ht="23.1" customHeight="1" x14ac:dyDescent="0.2">
      <c r="A41" s="26">
        <v>37</v>
      </c>
      <c r="B41" s="27" t="s">
        <v>46</v>
      </c>
      <c r="C41" s="28">
        <v>1417</v>
      </c>
      <c r="D41" s="29">
        <v>1594</v>
      </c>
      <c r="E41" s="29">
        <v>3011</v>
      </c>
      <c r="F41" s="30">
        <v>1284</v>
      </c>
      <c r="G41" s="31">
        <v>1412</v>
      </c>
      <c r="H41" s="32">
        <v>1591</v>
      </c>
      <c r="I41" s="32">
        <v>3003</v>
      </c>
      <c r="J41" s="33">
        <v>1282</v>
      </c>
      <c r="K41" s="34">
        <v>-5</v>
      </c>
      <c r="L41" s="35">
        <v>-3</v>
      </c>
      <c r="M41" s="35">
        <v>-8</v>
      </c>
      <c r="N41" s="36">
        <v>-2</v>
      </c>
    </row>
    <row r="42" spans="1:14" ht="23.1" customHeight="1" x14ac:dyDescent="0.2">
      <c r="A42" s="26">
        <v>38</v>
      </c>
      <c r="B42" s="27" t="s">
        <v>47</v>
      </c>
      <c r="C42" s="28">
        <v>5945</v>
      </c>
      <c r="D42" s="29">
        <v>6239</v>
      </c>
      <c r="E42" s="29">
        <v>12184</v>
      </c>
      <c r="F42" s="30">
        <v>5438</v>
      </c>
      <c r="G42" s="31">
        <v>5939</v>
      </c>
      <c r="H42" s="32">
        <v>6241</v>
      </c>
      <c r="I42" s="32">
        <v>12180</v>
      </c>
      <c r="J42" s="33">
        <v>5437</v>
      </c>
      <c r="K42" s="34">
        <v>-6</v>
      </c>
      <c r="L42" s="35">
        <v>2</v>
      </c>
      <c r="M42" s="35">
        <v>-4</v>
      </c>
      <c r="N42" s="36">
        <v>-1</v>
      </c>
    </row>
    <row r="43" spans="1:14" ht="23.1" customHeight="1" x14ac:dyDescent="0.2">
      <c r="A43" s="26">
        <v>39</v>
      </c>
      <c r="B43" s="27" t="s">
        <v>48</v>
      </c>
      <c r="C43" s="28">
        <v>1940</v>
      </c>
      <c r="D43" s="29">
        <v>2047</v>
      </c>
      <c r="E43" s="29">
        <v>3987</v>
      </c>
      <c r="F43" s="30">
        <v>1753</v>
      </c>
      <c r="G43" s="31">
        <v>1935</v>
      </c>
      <c r="H43" s="32">
        <v>2045</v>
      </c>
      <c r="I43" s="32">
        <v>3980</v>
      </c>
      <c r="J43" s="33">
        <v>1755</v>
      </c>
      <c r="K43" s="34">
        <v>-5</v>
      </c>
      <c r="L43" s="35">
        <v>-2</v>
      </c>
      <c r="M43" s="35">
        <v>-7</v>
      </c>
      <c r="N43" s="36">
        <v>2</v>
      </c>
    </row>
    <row r="44" spans="1:14" ht="23.1" customHeight="1" x14ac:dyDescent="0.2">
      <c r="A44" s="26">
        <v>40</v>
      </c>
      <c r="B44" s="27" t="s">
        <v>49</v>
      </c>
      <c r="C44" s="28">
        <v>806</v>
      </c>
      <c r="D44" s="29">
        <v>818</v>
      </c>
      <c r="E44" s="29">
        <v>1624</v>
      </c>
      <c r="F44" s="30">
        <v>649</v>
      </c>
      <c r="G44" s="31">
        <v>803</v>
      </c>
      <c r="H44" s="32">
        <v>818</v>
      </c>
      <c r="I44" s="32">
        <v>1621</v>
      </c>
      <c r="J44" s="33">
        <v>646</v>
      </c>
      <c r="K44" s="34">
        <v>-3</v>
      </c>
      <c r="L44" s="35">
        <v>0</v>
      </c>
      <c r="M44" s="35">
        <v>-3</v>
      </c>
      <c r="N44" s="36">
        <v>-3</v>
      </c>
    </row>
    <row r="45" spans="1:14" ht="23.1" customHeight="1" x14ac:dyDescent="0.2">
      <c r="A45" s="26">
        <v>41</v>
      </c>
      <c r="B45" s="27" t="s">
        <v>50</v>
      </c>
      <c r="C45" s="28">
        <v>828</v>
      </c>
      <c r="D45" s="29">
        <v>798</v>
      </c>
      <c r="E45" s="29">
        <v>1626</v>
      </c>
      <c r="F45" s="30">
        <v>921</v>
      </c>
      <c r="G45" s="31">
        <v>842</v>
      </c>
      <c r="H45" s="32">
        <v>813</v>
      </c>
      <c r="I45" s="32">
        <v>1655</v>
      </c>
      <c r="J45" s="33">
        <v>953</v>
      </c>
      <c r="K45" s="34">
        <v>14</v>
      </c>
      <c r="L45" s="35">
        <v>15</v>
      </c>
      <c r="M45" s="35">
        <v>29</v>
      </c>
      <c r="N45" s="36">
        <v>32</v>
      </c>
    </row>
    <row r="46" spans="1:14" ht="23.1" customHeight="1" x14ac:dyDescent="0.2">
      <c r="A46" s="26">
        <v>42</v>
      </c>
      <c r="B46" s="27" t="s">
        <v>51</v>
      </c>
      <c r="C46" s="28">
        <v>1625</v>
      </c>
      <c r="D46" s="29">
        <v>1663</v>
      </c>
      <c r="E46" s="29">
        <v>3288</v>
      </c>
      <c r="F46" s="30">
        <v>1373</v>
      </c>
      <c r="G46" s="31">
        <v>1621</v>
      </c>
      <c r="H46" s="32">
        <v>1669</v>
      </c>
      <c r="I46" s="32">
        <v>3290</v>
      </c>
      <c r="J46" s="33">
        <v>1377</v>
      </c>
      <c r="K46" s="34">
        <v>-4</v>
      </c>
      <c r="L46" s="35">
        <v>6</v>
      </c>
      <c r="M46" s="35">
        <v>2</v>
      </c>
      <c r="N46" s="36">
        <v>4</v>
      </c>
    </row>
    <row r="47" spans="1:14" ht="23.1" customHeight="1" x14ac:dyDescent="0.2">
      <c r="A47" s="26">
        <v>43</v>
      </c>
      <c r="B47" s="27" t="s">
        <v>52</v>
      </c>
      <c r="C47" s="28">
        <v>466</v>
      </c>
      <c r="D47" s="29">
        <v>519</v>
      </c>
      <c r="E47" s="29">
        <v>985</v>
      </c>
      <c r="F47" s="30">
        <v>391</v>
      </c>
      <c r="G47" s="31">
        <v>466</v>
      </c>
      <c r="H47" s="32">
        <v>517</v>
      </c>
      <c r="I47" s="32">
        <v>983</v>
      </c>
      <c r="J47" s="33">
        <v>392</v>
      </c>
      <c r="K47" s="34">
        <v>0</v>
      </c>
      <c r="L47" s="35">
        <v>-2</v>
      </c>
      <c r="M47" s="35">
        <v>-2</v>
      </c>
      <c r="N47" s="36">
        <v>1</v>
      </c>
    </row>
    <row r="48" spans="1:14" ht="23.1" customHeight="1" x14ac:dyDescent="0.2">
      <c r="A48" s="26">
        <v>44</v>
      </c>
      <c r="B48" s="27" t="s">
        <v>53</v>
      </c>
      <c r="C48" s="28">
        <v>1561</v>
      </c>
      <c r="D48" s="29">
        <v>1759</v>
      </c>
      <c r="E48" s="29">
        <v>3320</v>
      </c>
      <c r="F48" s="30">
        <v>1564</v>
      </c>
      <c r="G48" s="31">
        <v>1556</v>
      </c>
      <c r="H48" s="32">
        <v>1754</v>
      </c>
      <c r="I48" s="32">
        <v>3310</v>
      </c>
      <c r="J48" s="33">
        <v>1560</v>
      </c>
      <c r="K48" s="34">
        <v>-5</v>
      </c>
      <c r="L48" s="35">
        <v>-5</v>
      </c>
      <c r="M48" s="35">
        <v>-10</v>
      </c>
      <c r="N48" s="36">
        <v>-4</v>
      </c>
    </row>
    <row r="49" spans="1:14" ht="23.1" customHeight="1" x14ac:dyDescent="0.2">
      <c r="A49" s="26">
        <v>45</v>
      </c>
      <c r="B49" s="27" t="s">
        <v>54</v>
      </c>
      <c r="C49" s="28">
        <v>1886</v>
      </c>
      <c r="D49" s="29">
        <v>1953</v>
      </c>
      <c r="E49" s="29">
        <v>3839</v>
      </c>
      <c r="F49" s="30">
        <v>1735</v>
      </c>
      <c r="G49" s="31">
        <v>1875</v>
      </c>
      <c r="H49" s="32">
        <v>1947</v>
      </c>
      <c r="I49" s="32">
        <v>3822</v>
      </c>
      <c r="J49" s="33">
        <v>1728</v>
      </c>
      <c r="K49" s="34">
        <v>-11</v>
      </c>
      <c r="L49" s="35">
        <v>-6</v>
      </c>
      <c r="M49" s="35">
        <v>-17</v>
      </c>
      <c r="N49" s="36">
        <v>-7</v>
      </c>
    </row>
    <row r="50" spans="1:14" ht="23.1" customHeight="1" x14ac:dyDescent="0.2">
      <c r="A50" s="26">
        <v>46</v>
      </c>
      <c r="B50" s="27" t="s">
        <v>55</v>
      </c>
      <c r="C50" s="28">
        <v>898</v>
      </c>
      <c r="D50" s="29">
        <v>908</v>
      </c>
      <c r="E50" s="29">
        <v>1806</v>
      </c>
      <c r="F50" s="30">
        <v>797</v>
      </c>
      <c r="G50" s="31">
        <v>896</v>
      </c>
      <c r="H50" s="32">
        <v>908</v>
      </c>
      <c r="I50" s="32">
        <v>1804</v>
      </c>
      <c r="J50" s="33">
        <v>798</v>
      </c>
      <c r="K50" s="34">
        <v>-2</v>
      </c>
      <c r="L50" s="35">
        <v>0</v>
      </c>
      <c r="M50" s="35">
        <v>-2</v>
      </c>
      <c r="N50" s="36">
        <v>1</v>
      </c>
    </row>
    <row r="51" spans="1:14" ht="23.1" customHeight="1" x14ac:dyDescent="0.2">
      <c r="A51" s="26">
        <v>47</v>
      </c>
      <c r="B51" s="27" t="s">
        <v>56</v>
      </c>
      <c r="C51" s="28">
        <v>1898</v>
      </c>
      <c r="D51" s="29">
        <v>1919</v>
      </c>
      <c r="E51" s="29">
        <v>3817</v>
      </c>
      <c r="F51" s="30">
        <v>1701</v>
      </c>
      <c r="G51" s="31">
        <v>1898</v>
      </c>
      <c r="H51" s="32">
        <v>1922</v>
      </c>
      <c r="I51" s="32">
        <v>3820</v>
      </c>
      <c r="J51" s="33">
        <v>1711</v>
      </c>
      <c r="K51" s="34">
        <v>0</v>
      </c>
      <c r="L51" s="35">
        <v>3</v>
      </c>
      <c r="M51" s="35">
        <v>3</v>
      </c>
      <c r="N51" s="36">
        <v>10</v>
      </c>
    </row>
    <row r="52" spans="1:14" ht="23.1" customHeight="1" x14ac:dyDescent="0.2">
      <c r="A52" s="26">
        <v>48</v>
      </c>
      <c r="B52" s="27" t="s">
        <v>57</v>
      </c>
      <c r="C52" s="28">
        <v>803</v>
      </c>
      <c r="D52" s="29">
        <v>816</v>
      </c>
      <c r="E52" s="29">
        <v>1619</v>
      </c>
      <c r="F52" s="30">
        <v>610</v>
      </c>
      <c r="G52" s="31">
        <v>802</v>
      </c>
      <c r="H52" s="32">
        <v>814</v>
      </c>
      <c r="I52" s="32">
        <v>1616</v>
      </c>
      <c r="J52" s="33">
        <v>610</v>
      </c>
      <c r="K52" s="34">
        <v>-1</v>
      </c>
      <c r="L52" s="35">
        <v>-2</v>
      </c>
      <c r="M52" s="35">
        <v>-3</v>
      </c>
      <c r="N52" s="36">
        <v>0</v>
      </c>
    </row>
    <row r="53" spans="1:14" ht="23.1" customHeight="1" x14ac:dyDescent="0.2">
      <c r="A53" s="26">
        <v>49</v>
      </c>
      <c r="B53" s="27" t="s">
        <v>58</v>
      </c>
      <c r="C53" s="28">
        <v>4402</v>
      </c>
      <c r="D53" s="29">
        <v>4519</v>
      </c>
      <c r="E53" s="29">
        <v>8921</v>
      </c>
      <c r="F53" s="30">
        <v>4375</v>
      </c>
      <c r="G53" s="31">
        <v>4431</v>
      </c>
      <c r="H53" s="32">
        <v>4532</v>
      </c>
      <c r="I53" s="32">
        <v>8963</v>
      </c>
      <c r="J53" s="33">
        <v>4407</v>
      </c>
      <c r="K53" s="34">
        <v>29</v>
      </c>
      <c r="L53" s="35">
        <v>13</v>
      </c>
      <c r="M53" s="35">
        <v>42</v>
      </c>
      <c r="N53" s="36">
        <v>32</v>
      </c>
    </row>
    <row r="54" spans="1:14" ht="23.1" customHeight="1" x14ac:dyDescent="0.2">
      <c r="A54" s="26">
        <v>50</v>
      </c>
      <c r="B54" s="27" t="s">
        <v>59</v>
      </c>
      <c r="C54" s="28">
        <v>6308</v>
      </c>
      <c r="D54" s="29">
        <v>6289</v>
      </c>
      <c r="E54" s="29">
        <v>12597</v>
      </c>
      <c r="F54" s="30">
        <v>5887</v>
      </c>
      <c r="G54" s="31">
        <v>6385</v>
      </c>
      <c r="H54" s="32">
        <v>6319</v>
      </c>
      <c r="I54" s="32">
        <v>12704</v>
      </c>
      <c r="J54" s="33">
        <v>5994</v>
      </c>
      <c r="K54" s="34">
        <v>77</v>
      </c>
      <c r="L54" s="35">
        <v>30</v>
      </c>
      <c r="M54" s="35">
        <v>107</v>
      </c>
      <c r="N54" s="36">
        <v>107</v>
      </c>
    </row>
    <row r="55" spans="1:14" ht="23.1" customHeight="1" x14ac:dyDescent="0.2">
      <c r="A55" s="26">
        <v>99</v>
      </c>
      <c r="B55" s="27" t="s">
        <v>60</v>
      </c>
      <c r="C55" s="28">
        <v>153826</v>
      </c>
      <c r="D55" s="29">
        <v>161820</v>
      </c>
      <c r="E55" s="29">
        <v>315646</v>
      </c>
      <c r="F55" s="30">
        <v>146608</v>
      </c>
      <c r="G55" s="31">
        <v>154045</v>
      </c>
      <c r="H55" s="32">
        <v>161917</v>
      </c>
      <c r="I55" s="32">
        <v>315962</v>
      </c>
      <c r="J55" s="33">
        <v>147185</v>
      </c>
      <c r="K55" s="34">
        <v>219</v>
      </c>
      <c r="L55" s="35">
        <v>97</v>
      </c>
      <c r="M55" s="35">
        <v>316</v>
      </c>
      <c r="N55" s="36">
        <v>577</v>
      </c>
    </row>
    <row r="56" spans="1:14" ht="23.1" customHeight="1" x14ac:dyDescent="0.2">
      <c r="A56" s="37">
        <v>101</v>
      </c>
      <c r="B56" s="38" t="s">
        <v>61</v>
      </c>
      <c r="C56" s="28">
        <v>139</v>
      </c>
      <c r="D56" s="29">
        <v>146</v>
      </c>
      <c r="E56" s="29">
        <v>285</v>
      </c>
      <c r="F56" s="30">
        <v>125</v>
      </c>
      <c r="G56" s="31">
        <v>139</v>
      </c>
      <c r="H56" s="32">
        <v>145</v>
      </c>
      <c r="I56" s="32">
        <v>284</v>
      </c>
      <c r="J56" s="33">
        <v>125</v>
      </c>
      <c r="K56" s="34">
        <v>0</v>
      </c>
      <c r="L56" s="35">
        <v>-1</v>
      </c>
      <c r="M56" s="35">
        <v>-1</v>
      </c>
      <c r="N56" s="36">
        <v>0</v>
      </c>
    </row>
    <row r="57" spans="1:14" ht="23.1" customHeight="1" x14ac:dyDescent="0.2">
      <c r="A57" s="37">
        <v>102</v>
      </c>
      <c r="B57" s="38" t="s">
        <v>62</v>
      </c>
      <c r="C57" s="28">
        <v>124</v>
      </c>
      <c r="D57" s="29">
        <v>127</v>
      </c>
      <c r="E57" s="29">
        <v>251</v>
      </c>
      <c r="F57" s="30">
        <v>110</v>
      </c>
      <c r="G57" s="31">
        <v>122</v>
      </c>
      <c r="H57" s="32">
        <v>127</v>
      </c>
      <c r="I57" s="32">
        <v>249</v>
      </c>
      <c r="J57" s="33">
        <v>109</v>
      </c>
      <c r="K57" s="34">
        <v>-2</v>
      </c>
      <c r="L57" s="35">
        <v>0</v>
      </c>
      <c r="M57" s="35">
        <v>-2</v>
      </c>
      <c r="N57" s="36">
        <v>-1</v>
      </c>
    </row>
    <row r="58" spans="1:14" ht="23.1" customHeight="1" x14ac:dyDescent="0.2">
      <c r="A58" s="37">
        <v>103</v>
      </c>
      <c r="B58" s="38" t="s">
        <v>63</v>
      </c>
      <c r="C58" s="28">
        <v>988</v>
      </c>
      <c r="D58" s="29">
        <v>966</v>
      </c>
      <c r="E58" s="29">
        <v>1954</v>
      </c>
      <c r="F58" s="30">
        <v>1002</v>
      </c>
      <c r="G58" s="31">
        <v>986</v>
      </c>
      <c r="H58" s="32">
        <v>968</v>
      </c>
      <c r="I58" s="32">
        <v>1954</v>
      </c>
      <c r="J58" s="33">
        <v>1005</v>
      </c>
      <c r="K58" s="34">
        <v>-2</v>
      </c>
      <c r="L58" s="35">
        <v>2</v>
      </c>
      <c r="M58" s="35">
        <v>0</v>
      </c>
      <c r="N58" s="36">
        <v>3</v>
      </c>
    </row>
    <row r="59" spans="1:14" ht="23.1" customHeight="1" x14ac:dyDescent="0.2">
      <c r="A59" s="37">
        <v>104</v>
      </c>
      <c r="B59" s="38" t="s">
        <v>64</v>
      </c>
      <c r="C59" s="28">
        <v>5309</v>
      </c>
      <c r="D59" s="29">
        <v>5665</v>
      </c>
      <c r="E59" s="29">
        <v>10974</v>
      </c>
      <c r="F59" s="30">
        <v>4732</v>
      </c>
      <c r="G59" s="31">
        <v>5309</v>
      </c>
      <c r="H59" s="32">
        <v>5663</v>
      </c>
      <c r="I59" s="32">
        <v>10972</v>
      </c>
      <c r="J59" s="33">
        <v>4741</v>
      </c>
      <c r="K59" s="34">
        <v>0</v>
      </c>
      <c r="L59" s="35">
        <v>-2</v>
      </c>
      <c r="M59" s="35">
        <v>-2</v>
      </c>
      <c r="N59" s="36">
        <v>9</v>
      </c>
    </row>
    <row r="60" spans="1:14" ht="23.1" customHeight="1" x14ac:dyDescent="0.2">
      <c r="A60" s="37">
        <v>105</v>
      </c>
      <c r="B60" s="38" t="s">
        <v>65</v>
      </c>
      <c r="C60" s="28">
        <v>3832</v>
      </c>
      <c r="D60" s="29">
        <v>3921</v>
      </c>
      <c r="E60" s="29">
        <v>7753</v>
      </c>
      <c r="F60" s="30">
        <v>3080</v>
      </c>
      <c r="G60" s="31">
        <v>3832</v>
      </c>
      <c r="H60" s="32">
        <v>3921</v>
      </c>
      <c r="I60" s="32">
        <v>7753</v>
      </c>
      <c r="J60" s="33">
        <v>3082</v>
      </c>
      <c r="K60" s="34">
        <v>0</v>
      </c>
      <c r="L60" s="35">
        <v>0</v>
      </c>
      <c r="M60" s="35">
        <v>0</v>
      </c>
      <c r="N60" s="36">
        <v>2</v>
      </c>
    </row>
    <row r="61" spans="1:14" ht="23.1" customHeight="1" x14ac:dyDescent="0.2">
      <c r="A61" s="37">
        <v>199</v>
      </c>
      <c r="B61" s="38" t="s">
        <v>66</v>
      </c>
      <c r="C61" s="28">
        <v>10392</v>
      </c>
      <c r="D61" s="29">
        <v>10825</v>
      </c>
      <c r="E61" s="29">
        <v>21217</v>
      </c>
      <c r="F61" s="30">
        <v>9049</v>
      </c>
      <c r="G61" s="31">
        <v>10388</v>
      </c>
      <c r="H61" s="32">
        <v>10824</v>
      </c>
      <c r="I61" s="32">
        <v>21212</v>
      </c>
      <c r="J61" s="33">
        <v>9062</v>
      </c>
      <c r="K61" s="34">
        <v>-4</v>
      </c>
      <c r="L61" s="35">
        <v>-1</v>
      </c>
      <c r="M61" s="35">
        <v>-5</v>
      </c>
      <c r="N61" s="36">
        <v>13</v>
      </c>
    </row>
    <row r="62" spans="1:14" ht="23.1" customHeight="1" x14ac:dyDescent="0.2">
      <c r="A62" s="37">
        <v>201</v>
      </c>
      <c r="B62" s="38" t="s">
        <v>67</v>
      </c>
      <c r="C62" s="28">
        <v>1215</v>
      </c>
      <c r="D62" s="29">
        <v>1320</v>
      </c>
      <c r="E62" s="29">
        <v>2535</v>
      </c>
      <c r="F62" s="30">
        <v>1115</v>
      </c>
      <c r="G62" s="31">
        <v>1214</v>
      </c>
      <c r="H62" s="32">
        <v>1322</v>
      </c>
      <c r="I62" s="32">
        <v>2536</v>
      </c>
      <c r="J62" s="33">
        <v>1115</v>
      </c>
      <c r="K62" s="34">
        <v>-1</v>
      </c>
      <c r="L62" s="35">
        <v>2</v>
      </c>
      <c r="M62" s="35">
        <v>1</v>
      </c>
      <c r="N62" s="36">
        <v>0</v>
      </c>
    </row>
    <row r="63" spans="1:14" ht="23.1" customHeight="1" x14ac:dyDescent="0.2">
      <c r="A63" s="37">
        <v>202</v>
      </c>
      <c r="B63" s="38" t="s">
        <v>68</v>
      </c>
      <c r="C63" s="28">
        <v>361</v>
      </c>
      <c r="D63" s="29">
        <v>438</v>
      </c>
      <c r="E63" s="29">
        <v>799</v>
      </c>
      <c r="F63" s="30">
        <v>370</v>
      </c>
      <c r="G63" s="31">
        <v>359</v>
      </c>
      <c r="H63" s="32">
        <v>446</v>
      </c>
      <c r="I63" s="32">
        <v>805</v>
      </c>
      <c r="J63" s="33">
        <v>378</v>
      </c>
      <c r="K63" s="34">
        <v>-2</v>
      </c>
      <c r="L63" s="35">
        <v>8</v>
      </c>
      <c r="M63" s="35">
        <v>6</v>
      </c>
      <c r="N63" s="36">
        <v>8</v>
      </c>
    </row>
    <row r="64" spans="1:14" ht="23.1" customHeight="1" x14ac:dyDescent="0.2">
      <c r="A64" s="37">
        <v>203</v>
      </c>
      <c r="B64" s="38" t="s">
        <v>69</v>
      </c>
      <c r="C64" s="28">
        <v>2333</v>
      </c>
      <c r="D64" s="29">
        <v>2455</v>
      </c>
      <c r="E64" s="29">
        <v>4788</v>
      </c>
      <c r="F64" s="30">
        <v>1872</v>
      </c>
      <c r="G64" s="31">
        <v>2330</v>
      </c>
      <c r="H64" s="32">
        <v>2452</v>
      </c>
      <c r="I64" s="32">
        <v>4782</v>
      </c>
      <c r="J64" s="33">
        <v>1872</v>
      </c>
      <c r="K64" s="34">
        <v>-3</v>
      </c>
      <c r="L64" s="35">
        <v>-3</v>
      </c>
      <c r="M64" s="35">
        <v>-6</v>
      </c>
      <c r="N64" s="36">
        <v>0</v>
      </c>
    </row>
    <row r="65" spans="1:14" ht="23.1" customHeight="1" x14ac:dyDescent="0.2">
      <c r="A65" s="37">
        <v>204</v>
      </c>
      <c r="B65" s="38" t="s">
        <v>70</v>
      </c>
      <c r="C65" s="28">
        <v>383</v>
      </c>
      <c r="D65" s="29">
        <v>425</v>
      </c>
      <c r="E65" s="29">
        <v>808</v>
      </c>
      <c r="F65" s="30">
        <v>340</v>
      </c>
      <c r="G65" s="31">
        <v>383</v>
      </c>
      <c r="H65" s="32">
        <v>425</v>
      </c>
      <c r="I65" s="32">
        <v>808</v>
      </c>
      <c r="J65" s="33">
        <v>341</v>
      </c>
      <c r="K65" s="34">
        <v>0</v>
      </c>
      <c r="L65" s="35">
        <v>0</v>
      </c>
      <c r="M65" s="35">
        <v>0</v>
      </c>
      <c r="N65" s="36">
        <v>1</v>
      </c>
    </row>
    <row r="66" spans="1:14" ht="23.1" customHeight="1" x14ac:dyDescent="0.2">
      <c r="A66" s="37">
        <v>299</v>
      </c>
      <c r="B66" s="38" t="s">
        <v>71</v>
      </c>
      <c r="C66" s="28">
        <v>4292</v>
      </c>
      <c r="D66" s="29">
        <v>4638</v>
      </c>
      <c r="E66" s="29">
        <v>8930</v>
      </c>
      <c r="F66" s="30">
        <v>3697</v>
      </c>
      <c r="G66" s="31">
        <v>4286</v>
      </c>
      <c r="H66" s="32">
        <v>4645</v>
      </c>
      <c r="I66" s="32">
        <v>8931</v>
      </c>
      <c r="J66" s="33">
        <v>3706</v>
      </c>
      <c r="K66" s="34">
        <v>-6</v>
      </c>
      <c r="L66" s="35">
        <v>7</v>
      </c>
      <c r="M66" s="35">
        <v>1</v>
      </c>
      <c r="N66" s="36">
        <v>9</v>
      </c>
    </row>
    <row r="67" spans="1:14" ht="23.1" customHeight="1" x14ac:dyDescent="0.2">
      <c r="A67" s="37">
        <v>301</v>
      </c>
      <c r="B67" s="38" t="s">
        <v>72</v>
      </c>
      <c r="C67" s="28">
        <v>931</v>
      </c>
      <c r="D67" s="29">
        <v>1000</v>
      </c>
      <c r="E67" s="29">
        <v>1931</v>
      </c>
      <c r="F67" s="30">
        <v>847</v>
      </c>
      <c r="G67" s="31">
        <v>927</v>
      </c>
      <c r="H67" s="32">
        <v>995</v>
      </c>
      <c r="I67" s="32">
        <v>1922</v>
      </c>
      <c r="J67" s="33">
        <v>841</v>
      </c>
      <c r="K67" s="34">
        <v>-4</v>
      </c>
      <c r="L67" s="35">
        <v>-5</v>
      </c>
      <c r="M67" s="35">
        <v>-9</v>
      </c>
      <c r="N67" s="36">
        <v>-6</v>
      </c>
    </row>
    <row r="68" spans="1:14" ht="23.1" customHeight="1" x14ac:dyDescent="0.2">
      <c r="A68" s="37">
        <v>302</v>
      </c>
      <c r="B68" s="38" t="s">
        <v>73</v>
      </c>
      <c r="C68" s="28">
        <v>3378</v>
      </c>
      <c r="D68" s="29">
        <v>3369</v>
      </c>
      <c r="E68" s="29">
        <v>6747</v>
      </c>
      <c r="F68" s="30">
        <v>2873</v>
      </c>
      <c r="G68" s="31">
        <v>3372</v>
      </c>
      <c r="H68" s="32">
        <v>3366</v>
      </c>
      <c r="I68" s="32">
        <v>6738</v>
      </c>
      <c r="J68" s="33">
        <v>2886</v>
      </c>
      <c r="K68" s="34">
        <v>-6</v>
      </c>
      <c r="L68" s="35">
        <v>-3</v>
      </c>
      <c r="M68" s="35">
        <v>-9</v>
      </c>
      <c r="N68" s="36">
        <v>13</v>
      </c>
    </row>
    <row r="69" spans="1:14" ht="23.1" customHeight="1" x14ac:dyDescent="0.2">
      <c r="A69" s="37">
        <v>303</v>
      </c>
      <c r="B69" s="38" t="s">
        <v>74</v>
      </c>
      <c r="C69" s="28">
        <v>3242</v>
      </c>
      <c r="D69" s="29">
        <v>3382</v>
      </c>
      <c r="E69" s="29">
        <v>6624</v>
      </c>
      <c r="F69" s="30">
        <v>2461</v>
      </c>
      <c r="G69" s="31">
        <v>3246</v>
      </c>
      <c r="H69" s="32">
        <v>3376</v>
      </c>
      <c r="I69" s="32">
        <v>6622</v>
      </c>
      <c r="J69" s="33">
        <v>2467</v>
      </c>
      <c r="K69" s="34">
        <v>4</v>
      </c>
      <c r="L69" s="35">
        <v>-6</v>
      </c>
      <c r="M69" s="35">
        <v>-2</v>
      </c>
      <c r="N69" s="36">
        <v>6</v>
      </c>
    </row>
    <row r="70" spans="1:14" ht="23.1" customHeight="1" x14ac:dyDescent="0.2">
      <c r="A70" s="37">
        <v>304</v>
      </c>
      <c r="B70" s="38" t="s">
        <v>75</v>
      </c>
      <c r="C70" s="28">
        <v>356</v>
      </c>
      <c r="D70" s="29">
        <v>396</v>
      </c>
      <c r="E70" s="29">
        <v>752</v>
      </c>
      <c r="F70" s="30">
        <v>314</v>
      </c>
      <c r="G70" s="31">
        <v>358</v>
      </c>
      <c r="H70" s="32">
        <v>396</v>
      </c>
      <c r="I70" s="32">
        <v>754</v>
      </c>
      <c r="J70" s="33">
        <v>315</v>
      </c>
      <c r="K70" s="34">
        <v>2</v>
      </c>
      <c r="L70" s="35">
        <v>0</v>
      </c>
      <c r="M70" s="35">
        <v>2</v>
      </c>
      <c r="N70" s="36">
        <v>1</v>
      </c>
    </row>
    <row r="71" spans="1:14" ht="23.1" customHeight="1" x14ac:dyDescent="0.2">
      <c r="A71" s="37">
        <v>305</v>
      </c>
      <c r="B71" s="38" t="s">
        <v>76</v>
      </c>
      <c r="C71" s="28">
        <v>173</v>
      </c>
      <c r="D71" s="29">
        <v>203</v>
      </c>
      <c r="E71" s="29">
        <v>376</v>
      </c>
      <c r="F71" s="30">
        <v>165</v>
      </c>
      <c r="G71" s="31">
        <v>173</v>
      </c>
      <c r="H71" s="32">
        <v>203</v>
      </c>
      <c r="I71" s="32">
        <v>376</v>
      </c>
      <c r="J71" s="33">
        <v>165</v>
      </c>
      <c r="K71" s="34">
        <v>0</v>
      </c>
      <c r="L71" s="35">
        <v>0</v>
      </c>
      <c r="M71" s="35">
        <v>0</v>
      </c>
      <c r="N71" s="36">
        <v>0</v>
      </c>
    </row>
    <row r="72" spans="1:14" ht="23.1" customHeight="1" x14ac:dyDescent="0.2">
      <c r="A72" s="37">
        <v>306</v>
      </c>
      <c r="B72" s="38" t="s">
        <v>77</v>
      </c>
      <c r="C72" s="28">
        <v>518</v>
      </c>
      <c r="D72" s="29">
        <v>597</v>
      </c>
      <c r="E72" s="29">
        <v>1115</v>
      </c>
      <c r="F72" s="30">
        <v>404</v>
      </c>
      <c r="G72" s="31">
        <v>517</v>
      </c>
      <c r="H72" s="32">
        <v>594</v>
      </c>
      <c r="I72" s="32">
        <v>1111</v>
      </c>
      <c r="J72" s="33">
        <v>402</v>
      </c>
      <c r="K72" s="34">
        <v>-1</v>
      </c>
      <c r="L72" s="35">
        <v>-3</v>
      </c>
      <c r="M72" s="35">
        <v>-4</v>
      </c>
      <c r="N72" s="36">
        <v>-2</v>
      </c>
    </row>
    <row r="73" spans="1:14" ht="23.1" customHeight="1" x14ac:dyDescent="0.2">
      <c r="A73" s="37">
        <v>307</v>
      </c>
      <c r="B73" s="38" t="s">
        <v>78</v>
      </c>
      <c r="C73" s="28">
        <v>304</v>
      </c>
      <c r="D73" s="29">
        <v>308</v>
      </c>
      <c r="E73" s="29">
        <v>612</v>
      </c>
      <c r="F73" s="30">
        <v>299</v>
      </c>
      <c r="G73" s="31">
        <v>306</v>
      </c>
      <c r="H73" s="32">
        <v>306</v>
      </c>
      <c r="I73" s="32">
        <v>612</v>
      </c>
      <c r="J73" s="33">
        <v>297</v>
      </c>
      <c r="K73" s="34">
        <v>2</v>
      </c>
      <c r="L73" s="35">
        <v>-2</v>
      </c>
      <c r="M73" s="35">
        <v>0</v>
      </c>
      <c r="N73" s="36">
        <v>-2</v>
      </c>
    </row>
    <row r="74" spans="1:14" ht="23.1" customHeight="1" x14ac:dyDescent="0.2">
      <c r="A74" s="37">
        <v>308</v>
      </c>
      <c r="B74" s="38" t="s">
        <v>79</v>
      </c>
      <c r="C74" s="28">
        <v>62</v>
      </c>
      <c r="D74" s="29">
        <v>72</v>
      </c>
      <c r="E74" s="29">
        <v>134</v>
      </c>
      <c r="F74" s="30">
        <v>65</v>
      </c>
      <c r="G74" s="31">
        <v>62</v>
      </c>
      <c r="H74" s="32">
        <v>72</v>
      </c>
      <c r="I74" s="32">
        <v>134</v>
      </c>
      <c r="J74" s="33">
        <v>65</v>
      </c>
      <c r="K74" s="34">
        <v>0</v>
      </c>
      <c r="L74" s="35">
        <v>0</v>
      </c>
      <c r="M74" s="35">
        <v>0</v>
      </c>
      <c r="N74" s="36">
        <v>0</v>
      </c>
    </row>
    <row r="75" spans="1:14" ht="23.1" customHeight="1" x14ac:dyDescent="0.2">
      <c r="A75" s="37">
        <v>309</v>
      </c>
      <c r="B75" s="38" t="s">
        <v>80</v>
      </c>
      <c r="C75" s="28">
        <v>29</v>
      </c>
      <c r="D75" s="29">
        <v>17</v>
      </c>
      <c r="E75" s="29">
        <v>46</v>
      </c>
      <c r="F75" s="30">
        <v>33</v>
      </c>
      <c r="G75" s="31">
        <v>29</v>
      </c>
      <c r="H75" s="32">
        <v>17</v>
      </c>
      <c r="I75" s="32">
        <v>46</v>
      </c>
      <c r="J75" s="33">
        <v>33</v>
      </c>
      <c r="K75" s="34">
        <v>0</v>
      </c>
      <c r="L75" s="35">
        <v>0</v>
      </c>
      <c r="M75" s="35">
        <v>0</v>
      </c>
      <c r="N75" s="36">
        <v>0</v>
      </c>
    </row>
    <row r="76" spans="1:14" ht="23.1" customHeight="1" x14ac:dyDescent="0.2">
      <c r="A76" s="37">
        <v>399</v>
      </c>
      <c r="B76" s="38" t="s">
        <v>81</v>
      </c>
      <c r="C76" s="28">
        <v>8993</v>
      </c>
      <c r="D76" s="29">
        <v>9344</v>
      </c>
      <c r="E76" s="29">
        <v>18337</v>
      </c>
      <c r="F76" s="30">
        <v>7461</v>
      </c>
      <c r="G76" s="31">
        <v>8990</v>
      </c>
      <c r="H76" s="32">
        <v>9325</v>
      </c>
      <c r="I76" s="32">
        <v>18315</v>
      </c>
      <c r="J76" s="33">
        <v>7471</v>
      </c>
      <c r="K76" s="34">
        <v>-3</v>
      </c>
      <c r="L76" s="35">
        <v>-19</v>
      </c>
      <c r="M76" s="35">
        <v>-22</v>
      </c>
      <c r="N76" s="36">
        <v>10</v>
      </c>
    </row>
    <row r="77" spans="1:14" ht="23.1" customHeight="1" x14ac:dyDescent="0.2">
      <c r="A77" s="37">
        <v>401</v>
      </c>
      <c r="B77" s="38" t="s">
        <v>82</v>
      </c>
      <c r="C77" s="28">
        <v>5894</v>
      </c>
      <c r="D77" s="29">
        <v>6047</v>
      </c>
      <c r="E77" s="29">
        <v>11941</v>
      </c>
      <c r="F77" s="30">
        <v>4872</v>
      </c>
      <c r="G77" s="31">
        <v>5891</v>
      </c>
      <c r="H77" s="32">
        <v>6030</v>
      </c>
      <c r="I77" s="32">
        <v>11921</v>
      </c>
      <c r="J77" s="33">
        <v>4879</v>
      </c>
      <c r="K77" s="34">
        <v>-3</v>
      </c>
      <c r="L77" s="35">
        <v>-17</v>
      </c>
      <c r="M77" s="35">
        <v>-20</v>
      </c>
      <c r="N77" s="36">
        <v>7</v>
      </c>
    </row>
    <row r="78" spans="1:14" ht="23.1" customHeight="1" x14ac:dyDescent="0.2">
      <c r="A78" s="37">
        <v>402</v>
      </c>
      <c r="B78" s="38" t="s">
        <v>83</v>
      </c>
      <c r="C78" s="28">
        <v>5813</v>
      </c>
      <c r="D78" s="29">
        <v>6039</v>
      </c>
      <c r="E78" s="29">
        <v>11852</v>
      </c>
      <c r="F78" s="30">
        <v>4814</v>
      </c>
      <c r="G78" s="31">
        <v>5823</v>
      </c>
      <c r="H78" s="32">
        <v>6039</v>
      </c>
      <c r="I78" s="32">
        <v>11862</v>
      </c>
      <c r="J78" s="33">
        <v>4825</v>
      </c>
      <c r="K78" s="34">
        <v>10</v>
      </c>
      <c r="L78" s="35">
        <v>0</v>
      </c>
      <c r="M78" s="35">
        <v>10</v>
      </c>
      <c r="N78" s="36">
        <v>11</v>
      </c>
    </row>
    <row r="79" spans="1:14" ht="23.1" customHeight="1" x14ac:dyDescent="0.2">
      <c r="A79" s="37">
        <v>403</v>
      </c>
      <c r="B79" s="38" t="s">
        <v>84</v>
      </c>
      <c r="C79" s="28">
        <v>675</v>
      </c>
      <c r="D79" s="29">
        <v>731</v>
      </c>
      <c r="E79" s="29">
        <v>1406</v>
      </c>
      <c r="F79" s="30">
        <v>507</v>
      </c>
      <c r="G79" s="31">
        <v>671</v>
      </c>
      <c r="H79" s="32">
        <v>733</v>
      </c>
      <c r="I79" s="32">
        <v>1404</v>
      </c>
      <c r="J79" s="33">
        <v>508</v>
      </c>
      <c r="K79" s="34">
        <v>-4</v>
      </c>
      <c r="L79" s="35">
        <v>2</v>
      </c>
      <c r="M79" s="35">
        <v>-2</v>
      </c>
      <c r="N79" s="36">
        <v>1</v>
      </c>
    </row>
    <row r="80" spans="1:14" ht="23.1" customHeight="1" x14ac:dyDescent="0.2">
      <c r="A80" s="37">
        <v>404</v>
      </c>
      <c r="B80" s="38" t="s">
        <v>85</v>
      </c>
      <c r="C80" s="28">
        <v>1077</v>
      </c>
      <c r="D80" s="29">
        <v>1151</v>
      </c>
      <c r="E80" s="29">
        <v>2228</v>
      </c>
      <c r="F80" s="30">
        <v>811</v>
      </c>
      <c r="G80" s="31">
        <v>1074</v>
      </c>
      <c r="H80" s="32">
        <v>1148</v>
      </c>
      <c r="I80" s="32">
        <v>2222</v>
      </c>
      <c r="J80" s="33">
        <v>806</v>
      </c>
      <c r="K80" s="34">
        <v>-3</v>
      </c>
      <c r="L80" s="35">
        <v>-3</v>
      </c>
      <c r="M80" s="35">
        <v>-6</v>
      </c>
      <c r="N80" s="36">
        <v>-5</v>
      </c>
    </row>
    <row r="81" spans="1:14" ht="23.1" customHeight="1" x14ac:dyDescent="0.2">
      <c r="A81" s="37">
        <v>405</v>
      </c>
      <c r="B81" s="38" t="s">
        <v>86</v>
      </c>
      <c r="C81" s="28">
        <v>1782</v>
      </c>
      <c r="D81" s="29">
        <v>1844</v>
      </c>
      <c r="E81" s="29">
        <v>3626</v>
      </c>
      <c r="F81" s="30">
        <v>1427</v>
      </c>
      <c r="G81" s="31">
        <v>1784</v>
      </c>
      <c r="H81" s="32">
        <v>1845</v>
      </c>
      <c r="I81" s="32">
        <v>3629</v>
      </c>
      <c r="J81" s="33">
        <v>1431</v>
      </c>
      <c r="K81" s="34">
        <v>2</v>
      </c>
      <c r="L81" s="35">
        <v>1</v>
      </c>
      <c r="M81" s="35">
        <v>3</v>
      </c>
      <c r="N81" s="36">
        <v>4</v>
      </c>
    </row>
    <row r="82" spans="1:14" ht="23.1" customHeight="1" x14ac:dyDescent="0.2">
      <c r="A82" s="37">
        <v>406</v>
      </c>
      <c r="B82" s="38" t="s">
        <v>87</v>
      </c>
      <c r="C82" s="28">
        <v>1834</v>
      </c>
      <c r="D82" s="29">
        <v>1932</v>
      </c>
      <c r="E82" s="29">
        <v>3766</v>
      </c>
      <c r="F82" s="30">
        <v>1547</v>
      </c>
      <c r="G82" s="31">
        <v>1824</v>
      </c>
      <c r="H82" s="32">
        <v>1930</v>
      </c>
      <c r="I82" s="32">
        <v>3754</v>
      </c>
      <c r="J82" s="33">
        <v>1543</v>
      </c>
      <c r="K82" s="34">
        <v>-10</v>
      </c>
      <c r="L82" s="35">
        <v>-2</v>
      </c>
      <c r="M82" s="35">
        <v>-12</v>
      </c>
      <c r="N82" s="36">
        <v>-4</v>
      </c>
    </row>
    <row r="83" spans="1:14" ht="23.1" customHeight="1" x14ac:dyDescent="0.2">
      <c r="A83" s="37">
        <v>407</v>
      </c>
      <c r="B83" s="38" t="s">
        <v>88</v>
      </c>
      <c r="C83" s="28">
        <v>629</v>
      </c>
      <c r="D83" s="29">
        <v>644</v>
      </c>
      <c r="E83" s="29">
        <v>1273</v>
      </c>
      <c r="F83" s="30">
        <v>486</v>
      </c>
      <c r="G83" s="31">
        <v>627</v>
      </c>
      <c r="H83" s="32">
        <v>644</v>
      </c>
      <c r="I83" s="32">
        <v>1271</v>
      </c>
      <c r="J83" s="33">
        <v>484</v>
      </c>
      <c r="K83" s="34">
        <v>-2</v>
      </c>
      <c r="L83" s="35">
        <v>0</v>
      </c>
      <c r="M83" s="35">
        <v>-2</v>
      </c>
      <c r="N83" s="36">
        <v>-2</v>
      </c>
    </row>
    <row r="84" spans="1:14" ht="23.1" customHeight="1" x14ac:dyDescent="0.2">
      <c r="A84" s="37">
        <v>408</v>
      </c>
      <c r="B84" s="38" t="s">
        <v>89</v>
      </c>
      <c r="C84" s="28">
        <v>2357</v>
      </c>
      <c r="D84" s="29">
        <v>2521</v>
      </c>
      <c r="E84" s="29">
        <v>4878</v>
      </c>
      <c r="F84" s="30">
        <v>1782</v>
      </c>
      <c r="G84" s="31">
        <v>2353</v>
      </c>
      <c r="H84" s="32">
        <v>2520</v>
      </c>
      <c r="I84" s="32">
        <v>4873</v>
      </c>
      <c r="J84" s="33">
        <v>1781</v>
      </c>
      <c r="K84" s="34">
        <v>-4</v>
      </c>
      <c r="L84" s="35">
        <v>-1</v>
      </c>
      <c r="M84" s="35">
        <v>-5</v>
      </c>
      <c r="N84" s="36">
        <v>-1</v>
      </c>
    </row>
    <row r="85" spans="1:14" ht="23.1" customHeight="1" x14ac:dyDescent="0.2">
      <c r="A85" s="37">
        <v>499</v>
      </c>
      <c r="B85" s="38" t="s">
        <v>90</v>
      </c>
      <c r="C85" s="28">
        <v>20061</v>
      </c>
      <c r="D85" s="29">
        <v>20909</v>
      </c>
      <c r="E85" s="29">
        <v>40970</v>
      </c>
      <c r="F85" s="30">
        <v>16246</v>
      </c>
      <c r="G85" s="31">
        <v>20047</v>
      </c>
      <c r="H85" s="32">
        <v>20889</v>
      </c>
      <c r="I85" s="32">
        <v>40936</v>
      </c>
      <c r="J85" s="33">
        <v>16257</v>
      </c>
      <c r="K85" s="34">
        <v>-14</v>
      </c>
      <c r="L85" s="35">
        <v>-20</v>
      </c>
      <c r="M85" s="35">
        <v>-34</v>
      </c>
      <c r="N85" s="36">
        <v>11</v>
      </c>
    </row>
    <row r="86" spans="1:14" ht="23.1" customHeight="1" x14ac:dyDescent="0.2">
      <c r="A86" s="37">
        <v>501</v>
      </c>
      <c r="B86" s="38" t="s">
        <v>91</v>
      </c>
      <c r="C86" s="28">
        <v>3</v>
      </c>
      <c r="D86" s="29">
        <v>7</v>
      </c>
      <c r="E86" s="29">
        <v>10</v>
      </c>
      <c r="F86" s="30">
        <v>4</v>
      </c>
      <c r="G86" s="31">
        <v>3</v>
      </c>
      <c r="H86" s="32">
        <v>7</v>
      </c>
      <c r="I86" s="32">
        <v>10</v>
      </c>
      <c r="J86" s="33">
        <v>4</v>
      </c>
      <c r="K86" s="34">
        <v>0</v>
      </c>
      <c r="L86" s="35">
        <v>0</v>
      </c>
      <c r="M86" s="35">
        <v>0</v>
      </c>
      <c r="N86" s="36">
        <v>0</v>
      </c>
    </row>
    <row r="87" spans="1:14" ht="23.1" customHeight="1" x14ac:dyDescent="0.2">
      <c r="A87" s="37">
        <v>502</v>
      </c>
      <c r="B87" s="38" t="s">
        <v>92</v>
      </c>
      <c r="C87" s="28">
        <v>410</v>
      </c>
      <c r="D87" s="29">
        <v>437</v>
      </c>
      <c r="E87" s="29">
        <v>847</v>
      </c>
      <c r="F87" s="30">
        <v>320</v>
      </c>
      <c r="G87" s="31">
        <v>409</v>
      </c>
      <c r="H87" s="32">
        <v>436</v>
      </c>
      <c r="I87" s="32">
        <v>845</v>
      </c>
      <c r="J87" s="33">
        <v>319</v>
      </c>
      <c r="K87" s="34">
        <v>-1</v>
      </c>
      <c r="L87" s="35">
        <v>-1</v>
      </c>
      <c r="M87" s="35">
        <v>-2</v>
      </c>
      <c r="N87" s="36">
        <v>-1</v>
      </c>
    </row>
    <row r="88" spans="1:14" ht="23.1" customHeight="1" x14ac:dyDescent="0.2">
      <c r="A88" s="37">
        <v>503</v>
      </c>
      <c r="B88" s="38" t="s">
        <v>93</v>
      </c>
      <c r="C88" s="28">
        <v>82</v>
      </c>
      <c r="D88" s="29">
        <v>78</v>
      </c>
      <c r="E88" s="29">
        <v>160</v>
      </c>
      <c r="F88" s="30">
        <v>62</v>
      </c>
      <c r="G88" s="31">
        <v>82</v>
      </c>
      <c r="H88" s="32">
        <v>78</v>
      </c>
      <c r="I88" s="32">
        <v>160</v>
      </c>
      <c r="J88" s="33">
        <v>62</v>
      </c>
      <c r="K88" s="34">
        <v>0</v>
      </c>
      <c r="L88" s="35">
        <v>0</v>
      </c>
      <c r="M88" s="35">
        <v>0</v>
      </c>
      <c r="N88" s="36">
        <v>0</v>
      </c>
    </row>
    <row r="89" spans="1:14" ht="23.1" customHeight="1" x14ac:dyDescent="0.2">
      <c r="A89" s="37">
        <v>504</v>
      </c>
      <c r="B89" s="38" t="s">
        <v>94</v>
      </c>
      <c r="C89" s="28">
        <v>136</v>
      </c>
      <c r="D89" s="29">
        <v>129</v>
      </c>
      <c r="E89" s="29">
        <v>265</v>
      </c>
      <c r="F89" s="30">
        <v>123</v>
      </c>
      <c r="G89" s="31">
        <v>137</v>
      </c>
      <c r="H89" s="32">
        <v>130</v>
      </c>
      <c r="I89" s="32">
        <v>267</v>
      </c>
      <c r="J89" s="33">
        <v>124</v>
      </c>
      <c r="K89" s="34">
        <v>1</v>
      </c>
      <c r="L89" s="35">
        <v>1</v>
      </c>
      <c r="M89" s="35">
        <v>2</v>
      </c>
      <c r="N89" s="36">
        <v>1</v>
      </c>
    </row>
    <row r="90" spans="1:14" ht="23.1" customHeight="1" x14ac:dyDescent="0.2">
      <c r="A90" s="37">
        <v>599</v>
      </c>
      <c r="B90" s="38" t="s">
        <v>95</v>
      </c>
      <c r="C90" s="28">
        <v>631</v>
      </c>
      <c r="D90" s="29">
        <v>651</v>
      </c>
      <c r="E90" s="29">
        <v>1282</v>
      </c>
      <c r="F90" s="30">
        <v>509</v>
      </c>
      <c r="G90" s="31">
        <v>631</v>
      </c>
      <c r="H90" s="32">
        <v>651</v>
      </c>
      <c r="I90" s="32">
        <v>1282</v>
      </c>
      <c r="J90" s="33">
        <v>509</v>
      </c>
      <c r="K90" s="34">
        <v>0</v>
      </c>
      <c r="L90" s="35">
        <v>0</v>
      </c>
      <c r="M90" s="35">
        <v>0</v>
      </c>
      <c r="N90" s="36">
        <v>0</v>
      </c>
    </row>
    <row r="91" spans="1:14" ht="23.1" customHeight="1" x14ac:dyDescent="0.2">
      <c r="A91" s="37">
        <v>601</v>
      </c>
      <c r="B91" s="38" t="s">
        <v>96</v>
      </c>
      <c r="C91" s="28">
        <v>440</v>
      </c>
      <c r="D91" s="29">
        <v>470</v>
      </c>
      <c r="E91" s="29">
        <v>910</v>
      </c>
      <c r="F91" s="30">
        <v>387</v>
      </c>
      <c r="G91" s="31">
        <v>435</v>
      </c>
      <c r="H91" s="32">
        <v>469</v>
      </c>
      <c r="I91" s="32">
        <v>904</v>
      </c>
      <c r="J91" s="33">
        <v>382</v>
      </c>
      <c r="K91" s="34">
        <v>-5</v>
      </c>
      <c r="L91" s="35">
        <v>-1</v>
      </c>
      <c r="M91" s="35">
        <v>-6</v>
      </c>
      <c r="N91" s="36">
        <v>-5</v>
      </c>
    </row>
    <row r="92" spans="1:14" ht="23.1" customHeight="1" x14ac:dyDescent="0.2">
      <c r="A92" s="37">
        <v>602</v>
      </c>
      <c r="B92" s="38" t="s">
        <v>97</v>
      </c>
      <c r="C92" s="28">
        <v>116</v>
      </c>
      <c r="D92" s="29">
        <v>134</v>
      </c>
      <c r="E92" s="29">
        <v>250</v>
      </c>
      <c r="F92" s="30">
        <v>114</v>
      </c>
      <c r="G92" s="31">
        <v>114</v>
      </c>
      <c r="H92" s="32">
        <v>134</v>
      </c>
      <c r="I92" s="32">
        <v>248</v>
      </c>
      <c r="J92" s="33">
        <v>114</v>
      </c>
      <c r="K92" s="34">
        <v>-2</v>
      </c>
      <c r="L92" s="35">
        <v>0</v>
      </c>
      <c r="M92" s="35">
        <v>-2</v>
      </c>
      <c r="N92" s="36">
        <v>0</v>
      </c>
    </row>
    <row r="93" spans="1:14" ht="23.1" customHeight="1" x14ac:dyDescent="0.2">
      <c r="A93" s="39">
        <v>699</v>
      </c>
      <c r="B93" s="40" t="s">
        <v>98</v>
      </c>
      <c r="C93" s="41">
        <v>556</v>
      </c>
      <c r="D93" s="42">
        <v>604</v>
      </c>
      <c r="E93" s="42">
        <v>1160</v>
      </c>
      <c r="F93" s="43">
        <v>501</v>
      </c>
      <c r="G93" s="44">
        <v>549</v>
      </c>
      <c r="H93" s="45">
        <v>603</v>
      </c>
      <c r="I93" s="45">
        <v>1152</v>
      </c>
      <c r="J93" s="46">
        <v>496</v>
      </c>
      <c r="K93" s="47">
        <v>-7</v>
      </c>
      <c r="L93" s="48">
        <v>-1</v>
      </c>
      <c r="M93" s="48">
        <v>-8</v>
      </c>
      <c r="N93" s="49">
        <v>-5</v>
      </c>
    </row>
    <row r="94" spans="1:14" ht="23.1" customHeight="1" x14ac:dyDescent="0.2">
      <c r="A94" s="50"/>
      <c r="B94" s="51" t="s">
        <v>99</v>
      </c>
      <c r="C94" s="52">
        <v>198751</v>
      </c>
      <c r="D94" s="53">
        <v>208791</v>
      </c>
      <c r="E94" s="53">
        <v>407542</v>
      </c>
      <c r="F94" s="54">
        <v>184071</v>
      </c>
      <c r="G94" s="55">
        <v>198936</v>
      </c>
      <c r="H94" s="56">
        <v>208854</v>
      </c>
      <c r="I94" s="56">
        <v>407790</v>
      </c>
      <c r="J94" s="57">
        <v>184686</v>
      </c>
      <c r="K94" s="58">
        <v>185</v>
      </c>
      <c r="L94" s="59">
        <v>63</v>
      </c>
      <c r="M94" s="59">
        <v>248</v>
      </c>
      <c r="N94" s="60">
        <v>615</v>
      </c>
    </row>
  </sheetData>
  <mergeCells count="6">
    <mergeCell ref="A1:N1"/>
    <mergeCell ref="L2:N2"/>
    <mergeCell ref="A3:B4"/>
    <mergeCell ref="C3:F3"/>
    <mergeCell ref="G3:J3"/>
    <mergeCell ref="K3:N3"/>
  </mergeCells>
  <phoneticPr fontId="3"/>
  <pageMargins left="0.78740157480314965" right="0.78740157480314965" top="0.78740157480314965" bottom="0.78740157480314965" header="0.51181102362204722" footer="0.51181102362204722"/>
  <pageSetup paperSize="9" scale="37" orientation="portrait" horizontalDpi="4294967292" verticalDpi="300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zogen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富山市</dc:creator>
  <cp:lastModifiedBy>富山市</cp:lastModifiedBy>
  <dcterms:created xsi:type="dcterms:W3CDTF">2023-05-02T00:26:27Z</dcterms:created>
  <dcterms:modified xsi:type="dcterms:W3CDTF">2023-05-02T00:26:28Z</dcterms:modified>
</cp:coreProperties>
</file>